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91"/>
  <workbookPr codeName="ThisWorkbook" defaultThemeVersion="124226"/>
  <mc:AlternateContent xmlns:mc="http://schemas.openxmlformats.org/markup-compatibility/2006">
    <mc:Choice Requires="x15">
      <x15ac:absPath xmlns:x15ac="http://schemas.microsoft.com/office/spreadsheetml/2010/11/ac" url="\\city.saku-int.nagano.jp\userdata\redirect\i2398\Desktop\岩間デスクトップ\介護保険（加算）\R4.10ベースアップ支援加算\様式\"/>
    </mc:Choice>
  </mc:AlternateContent>
  <xr:revisionPtr revIDLastSave="0" documentId="13_ncr:1_{5E97F07E-07D3-4D78-80FF-E9F4727F9919}" xr6:coauthVersionLast="36" xr6:coauthVersionMax="36" xr10:uidLastSave="{00000000-0000-0000-0000-000000000000}"/>
  <bookViews>
    <workbookView xWindow="0" yWindow="0" windowWidth="20490" windowHeight="7770" tabRatio="798" firstSheet="2" activeTab="3" xr2:uid="{00000000-000D-0000-FFFF-FFFF00000000}"/>
  </bookViews>
  <sheets>
    <sheet name="★別紙1－3（定期巡回）" sheetId="307" r:id="rId1"/>
    <sheet name="★別紙1－3（地域密着型通所介護）" sheetId="308" r:id="rId2"/>
    <sheet name="★別紙1－3（認知症対応型通所）" sheetId="309" r:id="rId3"/>
    <sheet name="★別紙1－3（小規模多機能）" sheetId="311" r:id="rId4"/>
    <sheet name="★別紙1－3（認知症対応型ＧＨ）" sheetId="312" r:id="rId5"/>
    <sheet name="★別紙1－3（地域密着型特定施設）" sheetId="313" r:id="rId6"/>
    <sheet name="★別紙1－3（サテライト）" sheetId="314" r:id="rId7"/>
    <sheet name="備考（1－3）" sheetId="302" r:id="rId8"/>
    <sheet name="別紙●24" sheetId="66" state="hidden" r:id="rId9"/>
  </sheets>
  <externalReferences>
    <externalReference r:id="rId10"/>
    <externalReference r:id="rId11"/>
    <externalReference r:id="rId12"/>
  </externalReferences>
  <definedNames>
    <definedName name="ｋ" localSheetId="6">#REF!</definedName>
    <definedName name="ｋ" localSheetId="3">#REF!</definedName>
    <definedName name="ｋ" localSheetId="1">#REF!</definedName>
    <definedName name="ｋ" localSheetId="4">#REF!</definedName>
    <definedName name="ｋ" localSheetId="2">#REF!</definedName>
    <definedName name="ｋ">#REF!</definedName>
    <definedName name="_xlnm.Print_Area" localSheetId="6">'★別紙1－3（サテライト）'!$A$1:$AF$86</definedName>
    <definedName name="_xlnm.Print_Area" localSheetId="3">'★別紙1－3（小規模多機能）'!$A$1:$AF$48</definedName>
    <definedName name="_xlnm.Print_Area" localSheetId="1">'★別紙1－3（地域密着型通所介護）'!$A$1:$AF$40</definedName>
    <definedName name="_xlnm.Print_Area" localSheetId="5">'★別紙1－3（地域密着型特定施設）'!$A$1:$AF$33</definedName>
    <definedName name="_xlnm.Print_Area" localSheetId="0">'★別紙1－3（定期巡回）'!$A$1:$AF$23</definedName>
    <definedName name="_xlnm.Print_Area" localSheetId="4">'★別紙1－3（認知症対応型ＧＨ）'!$A$1:$AF$60</definedName>
    <definedName name="_xlnm.Print_Area" localSheetId="2">'★別紙1－3（認知症対応型通所）'!$A$1:$AF$42</definedName>
    <definedName name="_xlnm.Print_Area" localSheetId="7">'備考（1－3）'!$A$1:$I$41</definedName>
    <definedName name="_xlnm.Print_Area" localSheetId="8">別紙●24!$A$1:$AM$77</definedName>
    <definedName name="Z_918D9391_3166_42FD_8CCC_73DDA136E9AD_.wvu.PrintArea" localSheetId="6" hidden="1">'★別紙1－3（サテライト）'!$A$1:$AF$86</definedName>
    <definedName name="Z_918D9391_3166_42FD_8CCC_73DDA136E9AD_.wvu.PrintArea" localSheetId="3" hidden="1">'★別紙1－3（小規模多機能）'!$A$1:$AF$48</definedName>
    <definedName name="Z_918D9391_3166_42FD_8CCC_73DDA136E9AD_.wvu.PrintArea" localSheetId="1" hidden="1">'★別紙1－3（地域密着型通所介護）'!$A$1:$AF$40</definedName>
    <definedName name="Z_918D9391_3166_42FD_8CCC_73DDA136E9AD_.wvu.PrintArea" localSheetId="5" hidden="1">'★別紙1－3（地域密着型特定施設）'!$A$1:$AF$33</definedName>
    <definedName name="Z_918D9391_3166_42FD_8CCC_73DDA136E9AD_.wvu.PrintArea" localSheetId="0" hidden="1">'★別紙1－3（定期巡回）'!$A$1:$AF$23</definedName>
    <definedName name="Z_918D9391_3166_42FD_8CCC_73DDA136E9AD_.wvu.PrintArea" localSheetId="4" hidden="1">'★別紙1－3（認知症対応型ＧＨ）'!$A$1:$AF$36</definedName>
    <definedName name="Z_918D9391_3166_42FD_8CCC_73DDA136E9AD_.wvu.PrintArea" localSheetId="2" hidden="1">'★別紙1－3（認知症対応型通所）'!$A$1:$AF$42</definedName>
    <definedName name="サービス種別">[1]サービス種類一覧!$B$4:$B$20</definedName>
    <definedName name="サービス種類">[2]サービス種類一覧!$C$4:$C$20</definedName>
    <definedName name="サービス名" localSheetId="6">#REF!</definedName>
    <definedName name="サービス名" localSheetId="3">#REF!</definedName>
    <definedName name="サービス名" localSheetId="1">#REF!</definedName>
    <definedName name="サービス名" localSheetId="4">#REF!</definedName>
    <definedName name="サービス名" localSheetId="2">#REF!</definedName>
    <definedName name="サービス名">#REF!</definedName>
    <definedName name="サービス名称" localSheetId="6">#REF!</definedName>
    <definedName name="サービス名称" localSheetId="3">#REF!</definedName>
    <definedName name="サービス名称" localSheetId="1">#REF!</definedName>
    <definedName name="サービス名称" localSheetId="4">#REF!</definedName>
    <definedName name="サービス名称" localSheetId="2">#REF!</definedName>
    <definedName name="サービス名称">#REF!</definedName>
    <definedName name="だだ" localSheetId="6">#REF!</definedName>
    <definedName name="だだ" localSheetId="3">#REF!</definedName>
    <definedName name="だだ" localSheetId="1">#REF!</definedName>
    <definedName name="だだ" localSheetId="4">#REF!</definedName>
    <definedName name="だだ" localSheetId="2">#REF!</definedName>
    <definedName name="だだ">#REF!</definedName>
    <definedName name="っっｋ" localSheetId="6">#REF!</definedName>
    <definedName name="っっｋ" localSheetId="3">#REF!</definedName>
    <definedName name="っっｋ" localSheetId="1">#REF!</definedName>
    <definedName name="っっｋ" localSheetId="4">#REF!</definedName>
    <definedName name="っっｋ" localSheetId="2">#REF!</definedName>
    <definedName name="っっｋ">#REF!</definedName>
    <definedName name="っっっっｌ" localSheetId="6">#REF!</definedName>
    <definedName name="っっっっｌ" localSheetId="3">#REF!</definedName>
    <definedName name="っっっっｌ" localSheetId="1">#REF!</definedName>
    <definedName name="っっっっｌ" localSheetId="4">#REF!</definedName>
    <definedName name="っっっっｌ" localSheetId="2">#REF!</definedName>
    <definedName name="っっっっｌ">#REF!</definedName>
    <definedName name="確認" localSheetId="6">#REF!</definedName>
    <definedName name="確認" localSheetId="3">#REF!</definedName>
    <definedName name="確認" localSheetId="1">#REF!</definedName>
    <definedName name="確認" localSheetId="4">#REF!</definedName>
    <definedName name="確認" localSheetId="2">#REF!</definedName>
    <definedName name="確認">#REF!</definedName>
    <definedName name="種類">[3]サービス種類一覧!$A$4:$A$20</definedName>
  </definedNames>
  <calcPr calcId="152511"/>
</workbook>
</file>

<file path=xl/sharedStrings.xml><?xml version="1.0" encoding="utf-8"?>
<sst xmlns="http://schemas.openxmlformats.org/spreadsheetml/2006/main" count="2060" uniqueCount="309">
  <si>
    <t>　　　　看護職員、介護職員、介護従業者、介護支援専門員の欠員（看護師の配置割合が基準を満たしていない場合を含む。）…「その他該当する体制等」欄の欠員該当職種を選択する。</t>
    <rPh sb="14" eb="16">
      <t>カイゴ</t>
    </rPh>
    <rPh sb="16" eb="19">
      <t>ジュウギョウシャ</t>
    </rPh>
    <rPh sb="20" eb="22">
      <t>カイゴ</t>
    </rPh>
    <rPh sb="22" eb="24">
      <t>シエン</t>
    </rPh>
    <rPh sb="24" eb="27">
      <t>センモンイン</t>
    </rPh>
    <phoneticPr fontId="3"/>
  </si>
  <si>
    <t>（指定を受けている場合）</t>
    <rPh sb="1" eb="3">
      <t>シテイ</t>
    </rPh>
    <rPh sb="4" eb="5">
      <t>ウ</t>
    </rPh>
    <rPh sb="9" eb="11">
      <t>バアイ</t>
    </rPh>
    <phoneticPr fontId="3"/>
  </si>
  <si>
    <t>介 護 給 付 費 算 定 に 係 る 体 制 等 状 況 一 覧 表 （地域密着型サービス・地域密着型介護予防サービス）</t>
    <rPh sb="37" eb="38">
      <t>チ</t>
    </rPh>
    <rPh sb="38" eb="39">
      <t>イキ</t>
    </rPh>
    <rPh sb="39" eb="41">
      <t>ミッチャク</t>
    </rPh>
    <rPh sb="41" eb="42">
      <t>ガタ</t>
    </rPh>
    <rPh sb="47" eb="49">
      <t>チイキ</t>
    </rPh>
    <rPh sb="49" eb="52">
      <t>ミッチャクガタ</t>
    </rPh>
    <rPh sb="52" eb="54">
      <t>カイゴ</t>
    </rPh>
    <rPh sb="54" eb="56">
      <t>ヨボウ</t>
    </rPh>
    <phoneticPr fontId="3"/>
  </si>
  <si>
    <t>施設等の区分</t>
  </si>
  <si>
    <t>訪問介護</t>
  </si>
  <si>
    <t>訪問入浴介護</t>
  </si>
  <si>
    <t>通所介護</t>
  </si>
  <si>
    <t>福祉用具貸与</t>
  </si>
  <si>
    <t>短期入所生活介護</t>
  </si>
  <si>
    <t>フリガナ</t>
  </si>
  <si>
    <t>主たる事務所の所在地</t>
  </si>
  <si>
    <t>電話番号</t>
  </si>
  <si>
    <t>FAX番号</t>
  </si>
  <si>
    <t>法人所轄庁</t>
  </si>
  <si>
    <t>代表者の職・氏名</t>
  </si>
  <si>
    <t>職名</t>
  </si>
  <si>
    <t>氏名</t>
  </si>
  <si>
    <t>代表者の住所</t>
  </si>
  <si>
    <t>主たる事業所の所在地以外の場所で一部実施する場合の出張所等の所在地</t>
  </si>
  <si>
    <t>管理者の氏名</t>
  </si>
  <si>
    <t>管理者の住所</t>
  </si>
  <si>
    <t>実施事業</t>
  </si>
  <si>
    <t>異動等の区分</t>
  </si>
  <si>
    <t>介護保険事業所番号</t>
  </si>
  <si>
    <t>特記事項</t>
  </si>
  <si>
    <t>関係書類</t>
  </si>
  <si>
    <t>別添のとおり</t>
  </si>
  <si>
    <t>　　　3　「法人所轄庁」欄、申請者が認可法人である場合に、その主務官庁の名称を記載してください。</t>
  </si>
  <si>
    <t>備考　（別紙１－３）地域密着型サービス・地域密着型介護予防サービス</t>
    <rPh sb="0" eb="2">
      <t>ビコウ</t>
    </rPh>
    <rPh sb="10" eb="12">
      <t>チイキ</t>
    </rPh>
    <rPh sb="12" eb="15">
      <t>ミッチャクガタ</t>
    </rPh>
    <rPh sb="20" eb="22">
      <t>チイキ</t>
    </rPh>
    <rPh sb="22" eb="25">
      <t>ミッチャクガタ</t>
    </rPh>
    <rPh sb="25" eb="27">
      <t>カイゴ</t>
    </rPh>
    <rPh sb="27" eb="29">
      <t>ヨボウ</t>
    </rPh>
    <phoneticPr fontId="3"/>
  </si>
  <si>
    <t>備考　（別紙１－３）地域密着型サービス・地域密着型介護予防サービス　サテライト事業所</t>
    <rPh sb="0" eb="2">
      <t>ビコウ</t>
    </rPh>
    <rPh sb="10" eb="12">
      <t>チイキ</t>
    </rPh>
    <rPh sb="12" eb="15">
      <t>ミッチャクガタ</t>
    </rPh>
    <rPh sb="20" eb="22">
      <t>チイキ</t>
    </rPh>
    <rPh sb="22" eb="24">
      <t>ミッチャク</t>
    </rPh>
    <rPh sb="24" eb="25">
      <t>ガタ</t>
    </rPh>
    <rPh sb="25" eb="27">
      <t>カイゴ</t>
    </rPh>
    <rPh sb="27" eb="29">
      <t>ヨボウ</t>
    </rPh>
    <rPh sb="39" eb="42">
      <t>ジギョウショ</t>
    </rPh>
    <phoneticPr fontId="3"/>
  </si>
  <si>
    <t>　　　4　「実施事業」欄は、該当する欄に「〇」を記入してください。</t>
  </si>
  <si>
    <t>　　　6　「異動項目」欄には、(別紙1)「介護給付費算定に係る体制等状況一覧表」に掲げる項目を記載してください。</t>
  </si>
  <si>
    <t>平成</t>
    <rPh sb="0" eb="2">
      <t>ヘイセイ</t>
    </rPh>
    <phoneticPr fontId="3"/>
  </si>
  <si>
    <t>日</t>
    <rPh sb="0" eb="1">
      <t>ヒ</t>
    </rPh>
    <phoneticPr fontId="3"/>
  </si>
  <si>
    <t>月</t>
    <rPh sb="0" eb="1">
      <t>ツキ</t>
    </rPh>
    <phoneticPr fontId="3"/>
  </si>
  <si>
    <t>年月日</t>
    <rPh sb="0" eb="3">
      <t>ネンガッピ</t>
    </rPh>
    <phoneticPr fontId="3"/>
  </si>
  <si>
    <t>(※変更の場合)</t>
    <rPh sb="2" eb="4">
      <t>ヘンコウ</t>
    </rPh>
    <rPh sb="5" eb="7">
      <t>バアイ</t>
    </rPh>
    <phoneticPr fontId="3"/>
  </si>
  <si>
    <t>変　更　後</t>
    <rPh sb="4" eb="5">
      <t>ゴ</t>
    </rPh>
    <phoneticPr fontId="3"/>
  </si>
  <si>
    <t>年</t>
    <rPh sb="0" eb="1">
      <t>ネン</t>
    </rPh>
    <phoneticPr fontId="3"/>
  </si>
  <si>
    <t>　　　2　「法人である場合その種別」欄は、申請者が法人である場合に、「社会福祉法人」「医療法人」「社団法人」「財団法人」「株式会社」「有限会社」等の別を記入してください。</t>
  </si>
  <si>
    <t>　　　5　「異動等の区分」欄には、今回届出を行う事業所について該当する数字に「〇」を記入してください。</t>
  </si>
  <si>
    <t>　　　7　「市町村が定める率」欄には、全国共通の介護報酬額に対する市町村が定める率を記載してください。</t>
  </si>
  <si>
    <t>　　　8　「特記事項」欄には、異動の状況について具体的に記載してください。</t>
  </si>
  <si>
    <t>　　　9　「主たる事業所の所在地以外の場所で一部実施する場合の出張所等の所在地」について、複数の出張所等を有する場合は、適宜欄を補正して、全ての出張所等の状況について記載してください。</t>
  </si>
  <si>
    <t>医療機関コード等</t>
    <rPh sb="0" eb="2">
      <t>イリョウ</t>
    </rPh>
    <rPh sb="2" eb="4">
      <t>キカン</t>
    </rPh>
    <rPh sb="7" eb="8">
      <t>トウ</t>
    </rPh>
    <phoneticPr fontId="3"/>
  </si>
  <si>
    <t>介護給付費算定に係る体制等に関する進達書＜基準該当事業者用＞</t>
    <rPh sb="17" eb="19">
      <t>シンタツ</t>
    </rPh>
    <rPh sb="21" eb="23">
      <t>キジュン</t>
    </rPh>
    <rPh sb="23" eb="25">
      <t>ガイトウ</t>
    </rPh>
    <rPh sb="25" eb="28">
      <t>ジギョウシャ</t>
    </rPh>
    <phoneticPr fontId="3"/>
  </si>
  <si>
    <t>このことについて、以下のとおり事業者から届出がありましたので関係書類を添えて進達します。</t>
    <rPh sb="9" eb="11">
      <t>イカ</t>
    </rPh>
    <rPh sb="15" eb="18">
      <t>ジギョウシャ</t>
    </rPh>
    <rPh sb="20" eb="21">
      <t>トドケ</t>
    </rPh>
    <rPh sb="21" eb="22">
      <t>デ</t>
    </rPh>
    <rPh sb="30" eb="32">
      <t>カンケイ</t>
    </rPh>
    <rPh sb="32" eb="34">
      <t>ショルイ</t>
    </rPh>
    <rPh sb="35" eb="36">
      <t>ソ</t>
    </rPh>
    <rPh sb="38" eb="40">
      <t>シンタツ</t>
    </rPh>
    <phoneticPr fontId="3"/>
  </si>
  <si>
    <t>届出を行う事業所の状況</t>
    <rPh sb="9" eb="11">
      <t>ジョウキョウ</t>
    </rPh>
    <phoneticPr fontId="3"/>
  </si>
  <si>
    <t>居宅介護支援</t>
    <rPh sb="0" eb="2">
      <t>キョタク</t>
    </rPh>
    <rPh sb="2" eb="4">
      <t>カイゴ</t>
    </rPh>
    <rPh sb="4" eb="6">
      <t>シエン</t>
    </rPh>
    <phoneticPr fontId="3"/>
  </si>
  <si>
    <t>登録年</t>
    <rPh sb="0" eb="2">
      <t>トウロク</t>
    </rPh>
    <rPh sb="2" eb="3">
      <t>ネン</t>
    </rPh>
    <phoneticPr fontId="3"/>
  </si>
  <si>
    <t>月日</t>
    <rPh sb="0" eb="2">
      <t>ガッピ</t>
    </rPh>
    <phoneticPr fontId="3"/>
  </si>
  <si>
    <t>基準該当事業所番号</t>
    <rPh sb="0" eb="2">
      <t>キジュン</t>
    </rPh>
    <rPh sb="2" eb="4">
      <t>ガイトウ</t>
    </rPh>
    <rPh sb="4" eb="7">
      <t>ジギョウショ</t>
    </rPh>
    <rPh sb="7" eb="9">
      <t>バンゴウ</t>
    </rPh>
    <phoneticPr fontId="3"/>
  </si>
  <si>
    <t>登録を受けている市町村</t>
    <rPh sb="0" eb="2">
      <t>トウロク</t>
    </rPh>
    <rPh sb="3" eb="4">
      <t>ウ</t>
    </rPh>
    <rPh sb="8" eb="11">
      <t>シチョウソン</t>
    </rPh>
    <phoneticPr fontId="3"/>
  </si>
  <si>
    <t>既に指定等を受けている事業</t>
    <rPh sb="0" eb="1">
      <t>スデ</t>
    </rPh>
    <rPh sb="2" eb="4">
      <t>シテイ</t>
    </rPh>
    <rPh sb="4" eb="5">
      <t>トウ</t>
    </rPh>
    <rPh sb="6" eb="7">
      <t>ウ</t>
    </rPh>
    <rPh sb="11" eb="13">
      <t>ジギョウ</t>
    </rPh>
    <phoneticPr fontId="3"/>
  </si>
  <si>
    <t>市町村が定める率</t>
    <rPh sb="0" eb="3">
      <t>シチョウソン</t>
    </rPh>
    <rPh sb="4" eb="5">
      <t>サダ</t>
    </rPh>
    <rPh sb="7" eb="8">
      <t>リツ</t>
    </rPh>
    <phoneticPr fontId="3"/>
  </si>
  <si>
    <t>(市町村記載)</t>
    <rPh sb="1" eb="4">
      <t>シチョウソン</t>
    </rPh>
    <rPh sb="4" eb="6">
      <t>キサイ</t>
    </rPh>
    <phoneticPr fontId="3"/>
  </si>
  <si>
    <t>備考1　「受付番号」欄には記載しないでください。</t>
    <rPh sb="7" eb="9">
      <t>バンゴウ</t>
    </rPh>
    <phoneticPr fontId="3"/>
  </si>
  <si>
    <t>法人である場合その種別</t>
    <rPh sb="5" eb="7">
      <t>バアイ</t>
    </rPh>
    <phoneticPr fontId="3"/>
  </si>
  <si>
    <t>　　7　「市町村が定める率」欄には、全国共通の介護報酬額に対する市町村が定める率を記載してください。</t>
    <rPh sb="5" eb="8">
      <t>シチョウソン</t>
    </rPh>
    <rPh sb="9" eb="10">
      <t>サダ</t>
    </rPh>
    <rPh sb="12" eb="13">
      <t>リツ</t>
    </rPh>
    <rPh sb="18" eb="20">
      <t>ゼンコク</t>
    </rPh>
    <rPh sb="20" eb="22">
      <t>キョウツウ</t>
    </rPh>
    <rPh sb="23" eb="25">
      <t>カイゴ</t>
    </rPh>
    <rPh sb="25" eb="27">
      <t>ホウシュウ</t>
    </rPh>
    <rPh sb="27" eb="28">
      <t>ガク</t>
    </rPh>
    <rPh sb="29" eb="30">
      <t>タイ</t>
    </rPh>
    <rPh sb="32" eb="35">
      <t>シチョウソン</t>
    </rPh>
    <rPh sb="36" eb="37">
      <t>サダ</t>
    </rPh>
    <rPh sb="39" eb="40">
      <t>リツ</t>
    </rPh>
    <rPh sb="41" eb="43">
      <t>キサイ</t>
    </rPh>
    <phoneticPr fontId="3"/>
  </si>
  <si>
    <t>注　　　地域密着型介護予防サービスについて、一体的に運営がされている地域密着型サービスに係る届出の別紙等が添付されている場合は、内容の重複する別紙等の添付は不要とすること。</t>
    <rPh sb="0" eb="1">
      <t>チュウ</t>
    </rPh>
    <rPh sb="4" eb="6">
      <t>チイキ</t>
    </rPh>
    <rPh sb="6" eb="8">
      <t>ミッチャク</t>
    </rPh>
    <rPh sb="8" eb="9">
      <t>ガタ</t>
    </rPh>
    <rPh sb="9" eb="11">
      <t>カイゴ</t>
    </rPh>
    <rPh sb="11" eb="13">
      <t>ヨボウ</t>
    </rPh>
    <rPh sb="22" eb="25">
      <t>イッタイテキ</t>
    </rPh>
    <rPh sb="26" eb="28">
      <t>ウンエイ</t>
    </rPh>
    <rPh sb="34" eb="36">
      <t>チイキ</t>
    </rPh>
    <rPh sb="36" eb="39">
      <t>ミッチャクガタ</t>
    </rPh>
    <rPh sb="44" eb="45">
      <t>カカ</t>
    </rPh>
    <rPh sb="46" eb="48">
      <t>トドケデ</t>
    </rPh>
    <rPh sb="49" eb="51">
      <t>ベッシ</t>
    </rPh>
    <rPh sb="51" eb="52">
      <t>トウ</t>
    </rPh>
    <rPh sb="53" eb="55">
      <t>テンプ</t>
    </rPh>
    <rPh sb="60" eb="62">
      <t>バアイ</t>
    </rPh>
    <rPh sb="64" eb="66">
      <t>ナイヨウ</t>
    </rPh>
    <rPh sb="67" eb="69">
      <t>チョウフク</t>
    </rPh>
    <rPh sb="71" eb="73">
      <t>ベッシ</t>
    </rPh>
    <rPh sb="73" eb="74">
      <t>トウ</t>
    </rPh>
    <rPh sb="75" eb="77">
      <t>テンプ</t>
    </rPh>
    <rPh sb="78" eb="80">
      <t>フヨウ</t>
    </rPh>
    <phoneticPr fontId="3"/>
  </si>
  <si>
    <t>異動（予定）</t>
    <phoneticPr fontId="3"/>
  </si>
  <si>
    <t>異動項目</t>
    <phoneticPr fontId="3"/>
  </si>
  <si>
    <t xml:space="preserve"> 1新規　2変更　3終了</t>
    <phoneticPr fontId="3"/>
  </si>
  <si>
    <t>　　4　「実施事業」欄は、該当する欄に「〇」を記入してください。</t>
    <phoneticPr fontId="3"/>
  </si>
  <si>
    <t>　　6　「異動項目」欄には、(別紙1，1－2)「介護給付費算定に係る体制等状況一覧表」に掲げる項目を記載してください。</t>
    <phoneticPr fontId="3"/>
  </si>
  <si>
    <t>％</t>
    <phoneticPr fontId="3"/>
  </si>
  <si>
    <t>　　8　「特記事項」欄には、異動の状況について具体的に記載してください。</t>
    <phoneticPr fontId="3"/>
  </si>
  <si>
    <t>市町村長名</t>
    <rPh sb="0" eb="3">
      <t>シチョウソン</t>
    </rPh>
    <rPh sb="3" eb="4">
      <t>チョウ</t>
    </rPh>
    <rPh sb="4" eb="5">
      <t>メイ</t>
    </rPh>
    <phoneticPr fontId="3"/>
  </si>
  <si>
    <t>介護予防訪問介護</t>
    <rPh sb="0" eb="2">
      <t>カイゴ</t>
    </rPh>
    <rPh sb="2" eb="4">
      <t>ヨボウ</t>
    </rPh>
    <phoneticPr fontId="3"/>
  </si>
  <si>
    <t>介護予防訪問入浴介護</t>
    <rPh sb="0" eb="2">
      <t>カイゴ</t>
    </rPh>
    <rPh sb="2" eb="4">
      <t>ヨボウ</t>
    </rPh>
    <phoneticPr fontId="3"/>
  </si>
  <si>
    <t>介護予防通所介護</t>
    <rPh sb="0" eb="2">
      <t>カイゴ</t>
    </rPh>
    <rPh sb="2" eb="4">
      <t>ヨボウ</t>
    </rPh>
    <phoneticPr fontId="3"/>
  </si>
  <si>
    <t>介護予防短期入所生活介護</t>
    <rPh sb="0" eb="2">
      <t>カイゴ</t>
    </rPh>
    <rPh sb="2" eb="4">
      <t>ヨボウ</t>
    </rPh>
    <phoneticPr fontId="3"/>
  </si>
  <si>
    <t>小規模多機能型居宅介護</t>
    <rPh sb="0" eb="3">
      <t>ショウキボ</t>
    </rPh>
    <rPh sb="3" eb="6">
      <t>タキノウ</t>
    </rPh>
    <rPh sb="6" eb="7">
      <t>ガタ</t>
    </rPh>
    <rPh sb="7" eb="9">
      <t>キョタク</t>
    </rPh>
    <rPh sb="9" eb="11">
      <t>カイゴ</t>
    </rPh>
    <phoneticPr fontId="3"/>
  </si>
  <si>
    <t>介護予防福祉用具貸与</t>
    <rPh sb="0" eb="2">
      <t>カイゴ</t>
    </rPh>
    <rPh sb="2" eb="4">
      <t>ヨボウ</t>
    </rPh>
    <phoneticPr fontId="3"/>
  </si>
  <si>
    <t>介護予防支援</t>
    <rPh sb="0" eb="2">
      <t>カイゴ</t>
    </rPh>
    <rPh sb="2" eb="4">
      <t>ヨボウ</t>
    </rPh>
    <rPh sb="4" eb="6">
      <t>シエン</t>
    </rPh>
    <phoneticPr fontId="3"/>
  </si>
  <si>
    <t>受付番号</t>
    <phoneticPr fontId="3"/>
  </si>
  <si>
    <t>　　知事　　殿</t>
    <phoneticPr fontId="3"/>
  </si>
  <si>
    <t>届　出　者</t>
    <phoneticPr fontId="3"/>
  </si>
  <si>
    <t>名　　称</t>
    <phoneticPr fontId="3"/>
  </si>
  <si>
    <t>　(郵便番号　　―　　　)</t>
    <phoneticPr fontId="3"/>
  </si>
  <si>
    <t>　　　　　県　　　　郡市</t>
    <phoneticPr fontId="3"/>
  </si>
  <si>
    <t>　(ビルの名称等)</t>
    <phoneticPr fontId="3"/>
  </si>
  <si>
    <t>連 絡 先</t>
    <phoneticPr fontId="3"/>
  </si>
  <si>
    <t>事業所の状況</t>
    <phoneticPr fontId="3"/>
  </si>
  <si>
    <t>同一所在地において行う　　　　　　　　　　　　　　　事業等の種類</t>
    <phoneticPr fontId="3"/>
  </si>
  <si>
    <t>変　更　前</t>
    <phoneticPr fontId="3"/>
  </si>
  <si>
    <t>　　5　「異動等の区分」欄には、今回届出を行う事業所について該当する数字に「〇」を記入してください。</t>
    <phoneticPr fontId="3"/>
  </si>
  <si>
    <t>事 業 所 番 号</t>
  </si>
  <si>
    <t>提供サービス</t>
  </si>
  <si>
    <t>人員配置区分</t>
  </si>
  <si>
    <t>そ　 　　の　 　　他　　 　該　　 　当　　 　す 　　　る 　　　体 　　　制 　　　等</t>
  </si>
  <si>
    <t>割 引</t>
  </si>
  <si>
    <t>各サービス共通</t>
  </si>
  <si>
    <t>地域区分</t>
  </si>
  <si>
    <t>特別管理体制</t>
  </si>
  <si>
    <t>ターミナルケア体制</t>
    <rPh sb="7" eb="9">
      <t>タイセイ</t>
    </rPh>
    <phoneticPr fontId="3"/>
  </si>
  <si>
    <t>職員の欠員による減算の状況</t>
  </si>
  <si>
    <t>時間延長サービス体制</t>
  </si>
  <si>
    <t>夜間勤務条件基準</t>
  </si>
  <si>
    <t>夜間看護体制</t>
    <rPh sb="0" eb="2">
      <t>ヤカン</t>
    </rPh>
    <rPh sb="2" eb="4">
      <t>カンゴ</t>
    </rPh>
    <rPh sb="4" eb="6">
      <t>タイセイ</t>
    </rPh>
    <phoneticPr fontId="3"/>
  </si>
  <si>
    <t>備考　１　この表は、事業所所在地以外の場所で一部事業を実施する出張所等がある場合について記載することとし、複数出張所等を有する場合は出張所ごとに提出してください。</t>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3"/>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3"/>
  </si>
  <si>
    <t>若年性認知症利用者受入加算</t>
    <rPh sb="6" eb="9">
      <t>リヨウシャ</t>
    </rPh>
    <rPh sb="9" eb="11">
      <t>ウケイレ</t>
    </rPh>
    <rPh sb="11" eb="13">
      <t>カサン</t>
    </rPh>
    <phoneticPr fontId="3"/>
  </si>
  <si>
    <t>認知症専門ケア加算</t>
    <rPh sb="0" eb="3">
      <t>ニンチショウ</t>
    </rPh>
    <rPh sb="3" eb="5">
      <t>センモン</t>
    </rPh>
    <rPh sb="7" eb="9">
      <t>カサン</t>
    </rPh>
    <phoneticPr fontId="3"/>
  </si>
  <si>
    <t>サービス提供体制強化加算</t>
    <rPh sb="4" eb="6">
      <t>テイキョウ</t>
    </rPh>
    <rPh sb="6" eb="8">
      <t>タイセイ</t>
    </rPh>
    <rPh sb="8" eb="10">
      <t>キョウカ</t>
    </rPh>
    <rPh sb="10" eb="12">
      <t>カサン</t>
    </rPh>
    <phoneticPr fontId="3"/>
  </si>
  <si>
    <t>若年性認知症利用者受入加算</t>
    <rPh sb="0" eb="3">
      <t>ジャクネンセイ</t>
    </rPh>
    <rPh sb="3" eb="6">
      <t>ニンチショウ</t>
    </rPh>
    <rPh sb="6" eb="9">
      <t>リヨウシャ</t>
    </rPh>
    <rPh sb="9" eb="11">
      <t>ウケイレ</t>
    </rPh>
    <rPh sb="11" eb="13">
      <t>カサン</t>
    </rPh>
    <phoneticPr fontId="3"/>
  </si>
  <si>
    <t>看護職員配置加算</t>
    <rPh sb="0" eb="2">
      <t>カンゴ</t>
    </rPh>
    <rPh sb="2" eb="4">
      <t>ショクイン</t>
    </rPh>
    <rPh sb="4" eb="6">
      <t>ハイチ</t>
    </rPh>
    <rPh sb="6" eb="8">
      <t>カサン</t>
    </rPh>
    <phoneticPr fontId="3"/>
  </si>
  <si>
    <t>看取り介護加算</t>
    <rPh sb="0" eb="2">
      <t>ミト</t>
    </rPh>
    <rPh sb="3" eb="5">
      <t>カイゴ</t>
    </rPh>
    <rPh sb="5" eb="7">
      <t>カサン</t>
    </rPh>
    <phoneticPr fontId="3"/>
  </si>
  <si>
    <t>介護職員処遇改善加算</t>
    <rPh sb="0" eb="2">
      <t>カイゴ</t>
    </rPh>
    <rPh sb="2" eb="4">
      <t>ショクイン</t>
    </rPh>
    <rPh sb="4" eb="6">
      <t>ショグウ</t>
    </rPh>
    <rPh sb="6" eb="8">
      <t>カイゼン</t>
    </rPh>
    <rPh sb="8" eb="10">
      <t>カサン</t>
    </rPh>
    <phoneticPr fontId="3"/>
  </si>
  <si>
    <t>緊急時訪問看護加算</t>
    <rPh sb="0" eb="3">
      <t>キンキュウジ</t>
    </rPh>
    <rPh sb="3" eb="5">
      <t>ホウモン</t>
    </rPh>
    <rPh sb="5" eb="7">
      <t>カンゴ</t>
    </rPh>
    <rPh sb="7" eb="9">
      <t>カサン</t>
    </rPh>
    <phoneticPr fontId="3"/>
  </si>
  <si>
    <t>　　　４ 「割引｣を｢あり｣と記載する場合は「地域密着型サービス事業者等による介護給付費の割引に係る割引率の設定について」（別紙5－2）を添付してください。</t>
    <rPh sb="23" eb="25">
      <t>チイキ</t>
    </rPh>
    <rPh sb="25" eb="28">
      <t>ミッチャクガタ</t>
    </rPh>
    <phoneticPr fontId="3"/>
  </si>
  <si>
    <t>　　　適宜欄を補正して、全ての出張所等の状況について記載してください。</t>
    <phoneticPr fontId="3"/>
  </si>
  <si>
    <t>　　2　「法人である場合その種別」欄は、申請者が法人である場合に、「社会福祉法人」「医療法人」「社団法人」</t>
    <rPh sb="10" eb="12">
      <t>バアイ</t>
    </rPh>
    <phoneticPr fontId="3"/>
  </si>
  <si>
    <t>　　　「財団法人」「株式会社」「有限会社」等の別を記入してください。</t>
    <rPh sb="7" eb="8">
      <t>ジン</t>
    </rPh>
    <rPh sb="10" eb="12">
      <t>カブシキ</t>
    </rPh>
    <rPh sb="12" eb="14">
      <t>カイシャ</t>
    </rPh>
    <phoneticPr fontId="3"/>
  </si>
  <si>
    <t>　　9　「主たる事業所の所在地以外の場所で一部実施する場合の出張所等の所在地」について、複数の出張所等を有する場合は、</t>
    <phoneticPr fontId="3"/>
  </si>
  <si>
    <t>主たる事業所の所在地</t>
    <rPh sb="3" eb="6">
      <t>ジギョウショ</t>
    </rPh>
    <phoneticPr fontId="3"/>
  </si>
  <si>
    <t>　　3　「法人所轄庁」欄は、申請者が認可法人である場合に、その主務官庁の名称を記載してください。</t>
    <phoneticPr fontId="3"/>
  </si>
  <si>
    <t>認知症加算</t>
    <rPh sb="0" eb="3">
      <t>ニンチショウ</t>
    </rPh>
    <rPh sb="3" eb="5">
      <t>カサン</t>
    </rPh>
    <phoneticPr fontId="3"/>
  </si>
  <si>
    <t>総合マネジメント体制強化加算</t>
    <rPh sb="0" eb="2">
      <t>ソウゴウ</t>
    </rPh>
    <rPh sb="8" eb="10">
      <t>タイセイ</t>
    </rPh>
    <rPh sb="10" eb="12">
      <t>キョウカ</t>
    </rPh>
    <rPh sb="12" eb="14">
      <t>カサン</t>
    </rPh>
    <phoneticPr fontId="3"/>
  </si>
  <si>
    <t>訪問体制強化加算</t>
    <rPh sb="0" eb="2">
      <t>ホウモン</t>
    </rPh>
    <rPh sb="2" eb="4">
      <t>タイセイ</t>
    </rPh>
    <rPh sb="4" eb="6">
      <t>キョウカ</t>
    </rPh>
    <rPh sb="6" eb="8">
      <t>カサン</t>
    </rPh>
    <phoneticPr fontId="3"/>
  </si>
  <si>
    <t>看取り連携体制加算</t>
    <rPh sb="0" eb="2">
      <t>ミト</t>
    </rPh>
    <rPh sb="3" eb="5">
      <t>レンケイ</t>
    </rPh>
    <rPh sb="5" eb="7">
      <t>タイセイ</t>
    </rPh>
    <rPh sb="7" eb="9">
      <t>カサン</t>
    </rPh>
    <phoneticPr fontId="3"/>
  </si>
  <si>
    <t>夜間支援体制加算</t>
    <rPh sb="0" eb="2">
      <t>ヤカン</t>
    </rPh>
    <rPh sb="2" eb="4">
      <t>シエン</t>
    </rPh>
    <rPh sb="4" eb="6">
      <t>タイセイ</t>
    </rPh>
    <rPh sb="6" eb="8">
      <t>カサン</t>
    </rPh>
    <phoneticPr fontId="3"/>
  </si>
  <si>
    <t>（別紙●）</t>
    <rPh sb="1" eb="3">
      <t>ベッシ</t>
    </rPh>
    <phoneticPr fontId="3"/>
  </si>
  <si>
    <t>特別地域加算</t>
    <rPh sb="0" eb="2">
      <t>トクベツ</t>
    </rPh>
    <rPh sb="2" eb="4">
      <t>チイキ</t>
    </rPh>
    <rPh sb="4" eb="6">
      <t>カサン</t>
    </rPh>
    <phoneticPr fontId="3"/>
  </si>
  <si>
    <t>職員の欠員による減算の状況</t>
    <rPh sb="0" eb="2">
      <t>ショクイン</t>
    </rPh>
    <rPh sb="3" eb="5">
      <t>ケツイン</t>
    </rPh>
    <rPh sb="8" eb="10">
      <t>ゲンサン</t>
    </rPh>
    <rPh sb="11" eb="13">
      <t>ジョウキョウ</t>
    </rPh>
    <phoneticPr fontId="3"/>
  </si>
  <si>
    <t>看取り連携体制加算</t>
    <rPh sb="0" eb="2">
      <t>ミト</t>
    </rPh>
    <rPh sb="7" eb="9">
      <t>カサン</t>
    </rPh>
    <phoneticPr fontId="3"/>
  </si>
  <si>
    <t>地域密着型通所介護</t>
    <rPh sb="0" eb="2">
      <t>チイキ</t>
    </rPh>
    <rPh sb="2" eb="5">
      <t>ミッチャクガタ</t>
    </rPh>
    <rPh sb="5" eb="7">
      <t>ツウショ</t>
    </rPh>
    <rPh sb="7" eb="9">
      <t>カイゴ</t>
    </rPh>
    <phoneticPr fontId="3"/>
  </si>
  <si>
    <t>生活相談員配置等加算</t>
    <rPh sb="0" eb="2">
      <t>セイカツ</t>
    </rPh>
    <rPh sb="2" eb="5">
      <t>ソウダンイン</t>
    </rPh>
    <rPh sb="5" eb="7">
      <t>ハイチ</t>
    </rPh>
    <rPh sb="7" eb="8">
      <t>トウ</t>
    </rPh>
    <rPh sb="8" eb="10">
      <t>カサン</t>
    </rPh>
    <phoneticPr fontId="3"/>
  </si>
  <si>
    <t>共生型サービスの提供
（生活介護事業所）</t>
    <rPh sb="0" eb="3">
      <t>キョウセイガタ</t>
    </rPh>
    <rPh sb="8" eb="10">
      <t>テイキョウ</t>
    </rPh>
    <rPh sb="16" eb="18">
      <t>ジギョウ</t>
    </rPh>
    <rPh sb="18" eb="19">
      <t>ショ</t>
    </rPh>
    <phoneticPr fontId="3"/>
  </si>
  <si>
    <t>共生型サービスの提供
（自立訓練事業所）</t>
    <rPh sb="0" eb="3">
      <t>キョウセイガタ</t>
    </rPh>
    <rPh sb="8" eb="10">
      <t>テイキョウ</t>
    </rPh>
    <rPh sb="16" eb="19">
      <t>ジギョウショ</t>
    </rPh>
    <phoneticPr fontId="3"/>
  </si>
  <si>
    <t>共生型サービスの提供
（児童発達支援事業所）</t>
    <rPh sb="0" eb="3">
      <t>キョウセイガタ</t>
    </rPh>
    <rPh sb="8" eb="10">
      <t>テイキョウ</t>
    </rPh>
    <rPh sb="18" eb="20">
      <t>ジギョウ</t>
    </rPh>
    <rPh sb="20" eb="21">
      <t>ショ</t>
    </rPh>
    <phoneticPr fontId="3"/>
  </si>
  <si>
    <t>共生型サービスの提供
（放課後等デイサービス事業所）</t>
    <rPh sb="0" eb="3">
      <t>キョウセイガタ</t>
    </rPh>
    <rPh sb="8" eb="10">
      <t>テイキョウ</t>
    </rPh>
    <rPh sb="22" eb="25">
      <t>ジギョウショ</t>
    </rPh>
    <phoneticPr fontId="3"/>
  </si>
  <si>
    <t>利用者の入院期間中の体制</t>
    <rPh sb="0" eb="3">
      <t>リヨウシャ</t>
    </rPh>
    <rPh sb="4" eb="6">
      <t>ニュウイン</t>
    </rPh>
    <rPh sb="6" eb="8">
      <t>キカン</t>
    </rPh>
    <rPh sb="8" eb="9">
      <t>チュウ</t>
    </rPh>
    <rPh sb="10" eb="12">
      <t>タイセイ</t>
    </rPh>
    <phoneticPr fontId="3"/>
  </si>
  <si>
    <t>　　　２ 「施設等の区分」及び「その他該当する体制等」欄で施設・設備等に係る加算（減算）の届出については、「平面図」（別紙６）を添付してください。</t>
  </si>
  <si>
    <t>　　　３　人員配置に係る届出については、勤務体制がわかる書類（「従業者の勤務の体制及び勤務形態一覧表」（別紙７）又はこれに準じた勤務割表等）を添付してください。</t>
  </si>
  <si>
    <t>そ　 　　の　 　　他　　 　該　　 　当　　 　す 　　　る 　　　体 　　　制 　　　等</t>
    <phoneticPr fontId="3"/>
  </si>
  <si>
    <t>備考　１　この表は、事業所所在地以外の場所で一部事業を実施する出張所等がある場合について記載することとし、複数出張所等を有する場合は出張所ごとに提出してください。</t>
    <phoneticPr fontId="3"/>
  </si>
  <si>
    <t>職員の欠員による減算の状況</t>
    <phoneticPr fontId="3"/>
  </si>
  <si>
    <t>生活機能向上連携加算</t>
    <phoneticPr fontId="3"/>
  </si>
  <si>
    <t>身体拘束廃止取組の有無</t>
    <phoneticPr fontId="3"/>
  </si>
  <si>
    <t>若年性認知症入居者受入加算</t>
    <phoneticPr fontId="3"/>
  </si>
  <si>
    <r>
      <t>介 護 給 付 費 算 定 に 係 る 体 制 等 状 況 一 覧 表</t>
    </r>
    <r>
      <rPr>
        <sz val="14"/>
        <rFont val="HGSｺﾞｼｯｸM"/>
        <family val="3"/>
        <charset val="128"/>
      </rPr>
      <t>（主たる事業所の所在地以外の場所で一部実施する場合の出張所等の状況）</t>
    </r>
    <phoneticPr fontId="3"/>
  </si>
  <si>
    <t>中重度者ケア体制加算</t>
    <phoneticPr fontId="3"/>
  </si>
  <si>
    <t>ADL維持等加算〔申出〕の有無</t>
    <phoneticPr fontId="3"/>
  </si>
  <si>
    <t>認知症対応型通所介護</t>
    <phoneticPr fontId="3"/>
  </si>
  <si>
    <t>若年性認知症利用者受入加算</t>
    <phoneticPr fontId="3"/>
  </si>
  <si>
    <t>介護職員処遇改善加算</t>
    <phoneticPr fontId="3"/>
  </si>
  <si>
    <t>時間延長サービス体制</t>
    <phoneticPr fontId="3"/>
  </si>
  <si>
    <t>総合マネジメント体制強化加算</t>
    <phoneticPr fontId="3"/>
  </si>
  <si>
    <t>入居継続支援加算</t>
    <phoneticPr fontId="3"/>
  </si>
  <si>
    <t>特別地域加算</t>
    <phoneticPr fontId="4"/>
  </si>
  <si>
    <t>　　　５ 「訪問看護体制減算」、「看護体制強化加算」及び「サテライト体制未整備減算」については、「看護体制及びサテライト体制に係る届出書」（別紙８－３）を添付してください。</t>
    <rPh sb="26" eb="27">
      <t>オヨ</t>
    </rPh>
    <rPh sb="34" eb="36">
      <t>タイセイ</t>
    </rPh>
    <rPh sb="36" eb="39">
      <t>ミセイビ</t>
    </rPh>
    <rPh sb="39" eb="41">
      <t>ゲンサン</t>
    </rPh>
    <rPh sb="53" eb="54">
      <t>オヨ</t>
    </rPh>
    <rPh sb="60" eb="62">
      <t>タイセイ</t>
    </rPh>
    <phoneticPr fontId="3"/>
  </si>
  <si>
    <t>　　　６ 「緊急時訪問看護加算」「特別管理体制」「ターミナルケア体制」については、「緊急時（介護予防）訪問看護加算・特別管理体制・ターミナルケア体制に係る届出書」（別紙８）を添付してください。</t>
    <rPh sb="32" eb="34">
      <t>タイセイ</t>
    </rPh>
    <rPh sb="46" eb="48">
      <t>カイゴ</t>
    </rPh>
    <rPh sb="48" eb="50">
      <t>ヨボウ</t>
    </rPh>
    <rPh sb="72" eb="74">
      <t>タイセイ</t>
    </rPh>
    <rPh sb="75" eb="76">
      <t>カカ</t>
    </rPh>
    <rPh sb="77" eb="80">
      <t>トドケデショ</t>
    </rPh>
    <phoneticPr fontId="3"/>
  </si>
  <si>
    <t>科学的介護推進体制加算</t>
    <rPh sb="0" eb="3">
      <t>カガクテキ</t>
    </rPh>
    <rPh sb="3" eb="5">
      <t>カイゴ</t>
    </rPh>
    <rPh sb="5" eb="7">
      <t>スイシン</t>
    </rPh>
    <rPh sb="7" eb="9">
      <t>タイセイ</t>
    </rPh>
    <rPh sb="9" eb="11">
      <t>カサン</t>
    </rPh>
    <phoneticPr fontId="3"/>
  </si>
  <si>
    <t>ADL維持等加算〔申出〕の有無</t>
    <rPh sb="3" eb="5">
      <t>イジ</t>
    </rPh>
    <rPh sb="5" eb="6">
      <t>トウ</t>
    </rPh>
    <rPh sb="6" eb="8">
      <t>カサン</t>
    </rPh>
    <rPh sb="9" eb="11">
      <t>モウシデ</t>
    </rPh>
    <rPh sb="13" eb="15">
      <t>ウム</t>
    </rPh>
    <phoneticPr fontId="3"/>
  </si>
  <si>
    <t>個別機能訓練加算</t>
    <phoneticPr fontId="3"/>
  </si>
  <si>
    <t>口腔機能向上加算</t>
    <rPh sb="6" eb="8">
      <t>カサン</t>
    </rPh>
    <phoneticPr fontId="3"/>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4"/>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3"/>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3"/>
  </si>
  <si>
    <t>事 業 所 番 号</t>
    <phoneticPr fontId="3"/>
  </si>
  <si>
    <t>テクノロジーの導入
（入居継続支援加算関係）</t>
    <rPh sb="7" eb="9">
      <t>ドウニュウ</t>
    </rPh>
    <rPh sb="11" eb="13">
      <t>ニュウキョ</t>
    </rPh>
    <rPh sb="13" eb="15">
      <t>ケイゾク</t>
    </rPh>
    <rPh sb="15" eb="17">
      <t>シエン</t>
    </rPh>
    <rPh sb="17" eb="19">
      <t>カサン</t>
    </rPh>
    <rPh sb="19" eb="21">
      <t>カンケイ</t>
    </rPh>
    <phoneticPr fontId="3"/>
  </si>
  <si>
    <t>（別紙１－３）</t>
    <phoneticPr fontId="3"/>
  </si>
  <si>
    <t>地域密着型通所介護</t>
    <phoneticPr fontId="3"/>
  </si>
  <si>
    <t>感染症又は災害の発生を理由とする利用者数の減少が一定以上生じている場合の対応</t>
    <phoneticPr fontId="3"/>
  </si>
  <si>
    <t>３ユニットの事業所が夜勤職員を
２人以上とする場合</t>
    <rPh sb="6" eb="9">
      <t>ジギョウショ</t>
    </rPh>
    <rPh sb="10" eb="12">
      <t>ヤキン</t>
    </rPh>
    <rPh sb="12" eb="14">
      <t>ショクイン</t>
    </rPh>
    <rPh sb="17" eb="18">
      <t>ヒト</t>
    </rPh>
    <rPh sb="18" eb="20">
      <t>イジョウ</t>
    </rPh>
    <rPh sb="23" eb="25">
      <t>バアイ</t>
    </rPh>
    <phoneticPr fontId="3"/>
  </si>
  <si>
    <t>LIFEへの登録</t>
    <rPh sb="6" eb="8">
      <t>トウロク</t>
    </rPh>
    <phoneticPr fontId="3"/>
  </si>
  <si>
    <t>　　　　　　（例）－「機能訓練指導体制」…機能訓練指導員、「夜間勤務条件基準」…夜勤を行う看護師（准看護師）と介護職員の配置状況　等</t>
    <phoneticPr fontId="3"/>
  </si>
  <si>
    <t>入浴介助加算</t>
    <phoneticPr fontId="3"/>
  </si>
  <si>
    <t>ADL維持等加算Ⅲ</t>
    <phoneticPr fontId="3"/>
  </si>
  <si>
    <t>個別機能訓練加算</t>
    <rPh sb="0" eb="2">
      <t>コベツ</t>
    </rPh>
    <rPh sb="6" eb="8">
      <t>カサン</t>
    </rPh>
    <phoneticPr fontId="3"/>
  </si>
  <si>
    <t>栄養アセスメント・栄養改善体制</t>
    <phoneticPr fontId="3"/>
  </si>
  <si>
    <t>医療連携体制加算</t>
    <rPh sb="6" eb="8">
      <t>カサン</t>
    </rPh>
    <phoneticPr fontId="3"/>
  </si>
  <si>
    <t>　　　　　（別紙20ー２）、「テクノロジーの導入による夜勤職員配置加算に係る届出書」（別紙22）のいずれかを添付してください。</t>
    <phoneticPr fontId="3"/>
  </si>
  <si>
    <t>１　１級地</t>
  </si>
  <si>
    <t>６　２級地</t>
  </si>
  <si>
    <t>７　３級地</t>
  </si>
  <si>
    <t>２　４級地</t>
  </si>
  <si>
    <t>３　５級地</t>
  </si>
  <si>
    <t>４　６級地</t>
  </si>
  <si>
    <t>９　７級地</t>
  </si>
  <si>
    <t>５　その他</t>
  </si>
  <si>
    <t>１　なし</t>
  </si>
  <si>
    <t>１ なし</t>
    <phoneticPr fontId="3"/>
  </si>
  <si>
    <t>２ 加算Ⅰ</t>
    <phoneticPr fontId="3"/>
  </si>
  <si>
    <t>３ 加算Ⅱ</t>
    <phoneticPr fontId="3"/>
  </si>
  <si>
    <t>４ 加算Ⅲ</t>
    <phoneticPr fontId="3"/>
  </si>
  <si>
    <t>２　あり</t>
  </si>
  <si>
    <t>１　非該当</t>
    <phoneticPr fontId="3"/>
  </si>
  <si>
    <t>２　該当</t>
  </si>
  <si>
    <t>６ 加算Ⅰ</t>
    <phoneticPr fontId="3"/>
  </si>
  <si>
    <t>５ 加算Ⅱ</t>
    <phoneticPr fontId="3"/>
  </si>
  <si>
    <t>２ 加算Ⅲ</t>
    <phoneticPr fontId="3"/>
  </si>
  <si>
    <t>１ 対応不可</t>
    <rPh sb="2" eb="4">
      <t>タイオウ</t>
    </rPh>
    <rPh sb="4" eb="6">
      <t>フカ</t>
    </rPh>
    <phoneticPr fontId="3"/>
  </si>
  <si>
    <t>２ 対応可</t>
    <phoneticPr fontId="3"/>
  </si>
  <si>
    <t>２ あり</t>
    <phoneticPr fontId="3"/>
  </si>
  <si>
    <t>３ 加算Ⅰ</t>
    <phoneticPr fontId="3"/>
  </si>
  <si>
    <t>２ 加算Ⅱ</t>
    <phoneticPr fontId="3"/>
  </si>
  <si>
    <t>４ 加算Ⅱ</t>
    <phoneticPr fontId="3"/>
  </si>
  <si>
    <t>２ 看護職員</t>
    <rPh sb="2" eb="4">
      <t>カンゴ</t>
    </rPh>
    <rPh sb="4" eb="6">
      <t>ショクイン</t>
    </rPh>
    <phoneticPr fontId="3"/>
  </si>
  <si>
    <t>３ 介護職員</t>
    <rPh sb="2" eb="4">
      <t>カイゴ</t>
    </rPh>
    <rPh sb="4" eb="6">
      <t>ショクイン</t>
    </rPh>
    <phoneticPr fontId="3"/>
  </si>
  <si>
    <t>７ 加算Ⅲ</t>
    <phoneticPr fontId="3"/>
  </si>
  <si>
    <t>２ 加算Ⅰイ</t>
    <phoneticPr fontId="3"/>
  </si>
  <si>
    <t>３ 加算Ⅰロ</t>
    <phoneticPr fontId="3"/>
  </si>
  <si>
    <t>５ 加算Ⅰ</t>
    <phoneticPr fontId="3"/>
  </si>
  <si>
    <t>６ 加算Ⅲ</t>
    <phoneticPr fontId="3"/>
  </si>
  <si>
    <t>１ 基準型</t>
    <rPh sb="2" eb="4">
      <t>キジュン</t>
    </rPh>
    <rPh sb="4" eb="5">
      <t>ガタ</t>
    </rPh>
    <phoneticPr fontId="3"/>
  </si>
  <si>
    <t>６ 減算型</t>
    <rPh sb="2" eb="4">
      <t>ゲンサン</t>
    </rPh>
    <rPh sb="4" eb="5">
      <t>ガタ</t>
    </rPh>
    <phoneticPr fontId="3"/>
  </si>
  <si>
    <t>１　単独型</t>
  </si>
  <si>
    <t>２　Ⅱ型</t>
  </si>
  <si>
    <t>１　Ⅰ型</t>
  </si>
  <si>
    <t>□</t>
  </si>
  <si>
    <t>１ 減算型</t>
    <phoneticPr fontId="3"/>
  </si>
  <si>
    <t>２ 基準型</t>
    <rPh sb="2" eb="4">
      <t>キジュン</t>
    </rPh>
    <rPh sb="4" eb="5">
      <t>ガタ</t>
    </rPh>
    <phoneticPr fontId="3"/>
  </si>
  <si>
    <t>１　有料老人ホーム</t>
  </si>
  <si>
    <t>２　軽費老人ホーム</t>
  </si>
  <si>
    <t>３　養護老人ホーム</t>
  </si>
  <si>
    <t>６ 加算Ⅰ（イの場合）</t>
    <rPh sb="8" eb="10">
      <t>バアイ</t>
    </rPh>
    <phoneticPr fontId="3"/>
  </si>
  <si>
    <t>７ 加算Ⅲ（イの場合）</t>
    <phoneticPr fontId="3"/>
  </si>
  <si>
    <t>８ 加算Ⅲイ（ロの場合）</t>
    <phoneticPr fontId="3"/>
  </si>
  <si>
    <t>４ 加算Ⅲロ（ロの場合）</t>
    <phoneticPr fontId="3"/>
  </si>
  <si>
    <t>２ 介護従業者</t>
    <rPh sb="2" eb="4">
      <t>カイゴ</t>
    </rPh>
    <rPh sb="4" eb="7">
      <t>ジュウギョウシャ</t>
    </rPh>
    <phoneticPr fontId="3"/>
  </si>
  <si>
    <t>１　一体型</t>
  </si>
  <si>
    <t>２　連携型</t>
  </si>
  <si>
    <t>定期巡回・随時対応型</t>
  </si>
  <si>
    <t>訪問介護看護</t>
  </si>
  <si>
    <t>１　地域密着型通所介護事業所</t>
  </si>
  <si>
    <t>２　療養通所介護事業所</t>
  </si>
  <si>
    <t>２　併設型</t>
  </si>
  <si>
    <t>３　共用型</t>
  </si>
  <si>
    <t>１　小規模多機能型居宅介護事業所</t>
  </si>
  <si>
    <t>２　サテライト型小規模多機能型</t>
  </si>
  <si>
    <t>　　居宅介護事業所</t>
  </si>
  <si>
    <t>小規模多機能型居宅介護</t>
  </si>
  <si>
    <t>（短期利用型）</t>
  </si>
  <si>
    <t>３　 サテライト型Ⅰ型</t>
  </si>
  <si>
    <t>４ 　サテライト型Ⅱ型</t>
  </si>
  <si>
    <t>認知症対応型共同生活介護</t>
  </si>
  <si>
    <t>認知症対応型共同生活介護</t>
    <phoneticPr fontId="3"/>
  </si>
  <si>
    <t>５　サテライト型有料老人ホーム</t>
  </si>
  <si>
    <t>６　サテライト型軽費老人ホーム</t>
  </si>
  <si>
    <t>７　サテライト型養護老人ホーム</t>
  </si>
  <si>
    <t>地域密着型特定施設</t>
  </si>
  <si>
    <t>入居者生活介護</t>
  </si>
  <si>
    <t>(短期利用型）</t>
  </si>
  <si>
    <t>介護予防認知症対応型</t>
  </si>
  <si>
    <t>１　介護予防小規模多機能型居宅介護事業所</t>
  </si>
  <si>
    <t>２　サテライト型介護予防小規模多機能型</t>
  </si>
  <si>
    <t>介護予防小規模多機能型</t>
  </si>
  <si>
    <t>居宅介護</t>
  </si>
  <si>
    <t>１　小規模多機能型居宅介護事業所　</t>
  </si>
  <si>
    <t>１　介護予防小規模多機能型居宅介護事業所　</t>
  </si>
  <si>
    <t>　　　８ 「認知症専門ケア加算」については、「認知症専門ケア加算に係る届出書」（別紙26）を添付してください。</t>
    <phoneticPr fontId="3"/>
  </si>
  <si>
    <t>５ 加算Ⅱ（イの場合）</t>
    <rPh sb="8" eb="10">
      <t>バアイ</t>
    </rPh>
    <phoneticPr fontId="3"/>
  </si>
  <si>
    <t>　　　７ 「総合マネジメント体制強化加算」については、「総合マネジメント体制強化加算に係る届出書」（別紙31）を添付してください。</t>
    <rPh sb="6" eb="8">
      <t>ソウゴウ</t>
    </rPh>
    <rPh sb="14" eb="16">
      <t>タイセイ</t>
    </rPh>
    <rPh sb="16" eb="18">
      <t>キョウカ</t>
    </rPh>
    <rPh sb="18" eb="20">
      <t>カサン</t>
    </rPh>
    <phoneticPr fontId="3"/>
  </si>
  <si>
    <t>　　　９ 「24時間通報対応加算」については、「24時間通報対応加算に係る届出書」（別紙32）を添付してください。</t>
    <rPh sb="8" eb="10">
      <t>ジカン</t>
    </rPh>
    <rPh sb="10" eb="12">
      <t>ツウホウ</t>
    </rPh>
    <rPh sb="12" eb="14">
      <t>タイオウ</t>
    </rPh>
    <rPh sb="14" eb="16">
      <t>カサン</t>
    </rPh>
    <rPh sb="26" eb="28">
      <t>ジカン</t>
    </rPh>
    <rPh sb="28" eb="30">
      <t>ツウホウ</t>
    </rPh>
    <rPh sb="30" eb="32">
      <t>タイオウ</t>
    </rPh>
    <phoneticPr fontId="3"/>
  </si>
  <si>
    <t>　　　12 「生活相談員配置等加算」については、「生活相談員配置等加算に係る届出書」（別紙27）を添付してください。</t>
    <phoneticPr fontId="3"/>
  </si>
  <si>
    <t>　　　19 「看取り連携体制加算」については、「看取り連携体制加算に係る届出書」（別紙９－６）を、「看取り介護加算」については、「看取り介護加算に係る届出書」（別紙９－７）を添付してください。</t>
    <rPh sb="7" eb="9">
      <t>ミト</t>
    </rPh>
    <rPh sb="10" eb="12">
      <t>レンケイ</t>
    </rPh>
    <rPh sb="12" eb="14">
      <t>タイセイ</t>
    </rPh>
    <rPh sb="55" eb="57">
      <t>カサン</t>
    </rPh>
    <phoneticPr fontId="3"/>
  </si>
  <si>
    <t>　　　20 「訪問体制強化加算」については、「訪問体制強化加算に係る届出書」（別紙33）を添付してください。</t>
    <rPh sb="7" eb="9">
      <t>ホウモン</t>
    </rPh>
    <rPh sb="9" eb="11">
      <t>タイセイ</t>
    </rPh>
    <rPh sb="11" eb="13">
      <t>キョウカ</t>
    </rPh>
    <rPh sb="23" eb="25">
      <t>ホウモン</t>
    </rPh>
    <rPh sb="25" eb="27">
      <t>タイセイ</t>
    </rPh>
    <rPh sb="27" eb="29">
      <t>キョウカ</t>
    </rPh>
    <phoneticPr fontId="3"/>
  </si>
  <si>
    <t>　　　22 「夜間支援体制加算」については、「夜間支援体制加算に係る届出書」（別紙34）を添付してください。</t>
    <rPh sb="7" eb="9">
      <t>ヤカン</t>
    </rPh>
    <rPh sb="9" eb="11">
      <t>シエン</t>
    </rPh>
    <rPh sb="11" eb="13">
      <t>タイセイ</t>
    </rPh>
    <rPh sb="13" eb="15">
      <t>カサン</t>
    </rPh>
    <rPh sb="23" eb="25">
      <t>ヤカン</t>
    </rPh>
    <rPh sb="25" eb="27">
      <t>シエン</t>
    </rPh>
    <rPh sb="27" eb="29">
      <t>タイセイ</t>
    </rPh>
    <phoneticPr fontId="3"/>
  </si>
  <si>
    <t>　　　23 「医療連携体制加算」については、「医療連携体制加算に係る届出書」（別紙35）を添付してください。</t>
    <rPh sb="7" eb="9">
      <t>イリョウ</t>
    </rPh>
    <rPh sb="9" eb="11">
      <t>レンケイ</t>
    </rPh>
    <rPh sb="11" eb="13">
      <t>タイセイ</t>
    </rPh>
    <rPh sb="23" eb="25">
      <t>イリョウ</t>
    </rPh>
    <rPh sb="25" eb="27">
      <t>レンケイ</t>
    </rPh>
    <rPh sb="27" eb="29">
      <t>タイセイ</t>
    </rPh>
    <phoneticPr fontId="3"/>
  </si>
  <si>
    <t>　　　14 「中重度者ケア体制加算」については、「中重度者ケア体制加算に係る届出書」（別紙28ー１）及び「利用者の割合に関する計算書」（別紙28ー２）を添付してください。</t>
    <phoneticPr fontId="3"/>
  </si>
  <si>
    <t>　　　15 「認知症加算」については、「認知症加算に係る届出書」（別紙29ー１）及び「利用者の割合に関する計算書」（別紙29ー２）を添付してください。</t>
    <phoneticPr fontId="3"/>
  </si>
  <si>
    <t>　　　　「看取り介護加算」については、「看取り介護体制に係る届出書」（別紙９－５）を添付してください。</t>
    <phoneticPr fontId="3"/>
  </si>
  <si>
    <t>備考　１　事業所・施設において、施設等の区分欄、人員配置区分欄、LIFE（科学的介護情報システム（Long-term care Information system For Evidence）への登録欄、その他該当する体制等欄に掲げる項目
　　　　につき該当する番号の横の□を■にしてください。</t>
    <rPh sb="98" eb="100">
      <t>トウロク</t>
    </rPh>
    <rPh sb="100" eb="101">
      <t>ラン</t>
    </rPh>
    <phoneticPr fontId="3"/>
  </si>
  <si>
    <t>　　　10　「その他該当する体制等」欄で人員配置に係る加算（減算）の届出については、それぞれ加算（減算）の要件となる職員の配置状況や勤務体制がわかる書類を添付してください。</t>
    <phoneticPr fontId="3"/>
  </si>
  <si>
    <t>　　　11 「時間延長サービス体制」については、実際に利用者に対して延長サービスを行うことが可能な場合に記載してください。</t>
    <phoneticPr fontId="3"/>
  </si>
  <si>
    <t>　　　13 「入浴介助加算」については、浴室の平面図等を添付してください。</t>
    <rPh sb="11" eb="13">
      <t>カサン</t>
    </rPh>
    <rPh sb="26" eb="27">
      <t>トウ</t>
    </rPh>
    <phoneticPr fontId="3"/>
  </si>
  <si>
    <t>　　　16 「栄養ケア・マネジメントの実施の有無」及び「栄養マネジメント強化体制」については、「栄養マネジメント体制に関する届出書」（別紙11）を添付してください。</t>
    <rPh sb="25" eb="26">
      <t>オヨ</t>
    </rPh>
    <rPh sb="28" eb="30">
      <t>エイヨウ</t>
    </rPh>
    <rPh sb="36" eb="38">
      <t>キョウカ</t>
    </rPh>
    <rPh sb="38" eb="40">
      <t>タイセイ</t>
    </rPh>
    <rPh sb="48" eb="50">
      <t>エイヨウ</t>
    </rPh>
    <rPh sb="59" eb="60">
      <t>カン</t>
    </rPh>
    <rPh sb="62" eb="64">
      <t>トドケデ</t>
    </rPh>
    <rPh sb="64" eb="65">
      <t>ショ</t>
    </rPh>
    <rPh sb="67" eb="69">
      <t>ベッシ</t>
    </rPh>
    <rPh sb="73" eb="75">
      <t>テンプ</t>
    </rPh>
    <phoneticPr fontId="3"/>
  </si>
  <si>
    <t>　　　17 「夜間看護体制」については、「夜間看護体制に係る届出書」（別紙９）を添付してください。</t>
    <rPh sb="7" eb="9">
      <t>ヤカン</t>
    </rPh>
    <rPh sb="9" eb="11">
      <t>カンゴ</t>
    </rPh>
    <rPh sb="11" eb="13">
      <t>タイセイ</t>
    </rPh>
    <rPh sb="21" eb="23">
      <t>ヤカン</t>
    </rPh>
    <rPh sb="23" eb="25">
      <t>カンゴ</t>
    </rPh>
    <rPh sb="25" eb="27">
      <t>タイセイ</t>
    </rPh>
    <rPh sb="28" eb="29">
      <t>カカ</t>
    </rPh>
    <rPh sb="30" eb="33">
      <t>トドケデショ</t>
    </rPh>
    <rPh sb="35" eb="37">
      <t>ベッシ</t>
    </rPh>
    <rPh sb="40" eb="42">
      <t>テンプ</t>
    </rPh>
    <phoneticPr fontId="3"/>
  </si>
  <si>
    <t>　　　18 「看護体制加算」については、「看護体制加算に係る届出書」（別紙９－３）を、「看取り介護体制」については、「看取り介護体制に係る届出書」（別紙９－４）を、</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4" eb="46">
      <t>ミト</t>
    </rPh>
    <rPh sb="47" eb="49">
      <t>カイゴ</t>
    </rPh>
    <rPh sb="49" eb="51">
      <t>タイセイ</t>
    </rPh>
    <rPh sb="59" eb="61">
      <t>ミト</t>
    </rPh>
    <rPh sb="62" eb="64">
      <t>カイゴ</t>
    </rPh>
    <rPh sb="64" eb="66">
      <t>タイセイ</t>
    </rPh>
    <rPh sb="67" eb="68">
      <t>カカ</t>
    </rPh>
    <rPh sb="69" eb="71">
      <t>トドケデ</t>
    </rPh>
    <rPh sb="71" eb="72">
      <t>ショ</t>
    </rPh>
    <rPh sb="74" eb="76">
      <t>ベッシ</t>
    </rPh>
    <phoneticPr fontId="3"/>
  </si>
  <si>
    <t>　　　21 「サービス提供体制強化加算」については、「サービス提供体制強化加算に関する届出書」（別紙12）～（別紙12－６）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3"/>
  </si>
  <si>
    <t>　　　24 「職員の欠員による減算の状況」については、以下の要領で記載してください。</t>
    <phoneticPr fontId="3"/>
  </si>
  <si>
    <t>　　　25 「日常生活継続支援加算」については、「日常生活継続支援加算に関する届出書」（別紙16）を添付してください。</t>
    <rPh sb="7" eb="9">
      <t>ニチジョウ</t>
    </rPh>
    <rPh sb="9" eb="11">
      <t>セイカツ</t>
    </rPh>
    <rPh sb="11" eb="13">
      <t>ケイゾク</t>
    </rPh>
    <rPh sb="13" eb="17">
      <t>シエンカサン</t>
    </rPh>
    <phoneticPr fontId="3"/>
  </si>
  <si>
    <t>　　　26 「入居継続支援加算」については、「入居継続支援加算に係る届出書」（別紙20）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3"/>
  </si>
  <si>
    <t>　　　27 「配置医師緊急時対応加算」については、「配置医師緊急時対応加算に係る届出書」（別紙21）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3"/>
  </si>
  <si>
    <t>　　　28 「テクノロジーの導入」については、「テクノロジーの導入による日常生活継続支援加算に関する届出書」（別紙16ー２）、「テクノロジーの導入による入居継続支援加算に関する届出書」</t>
    <rPh sb="14" eb="16">
      <t>ドウニュウ</t>
    </rPh>
    <phoneticPr fontId="3"/>
  </si>
  <si>
    <t>　　　29 「褥瘡マネジメント加算」については、「褥瘡マネジメントに関する届出書」（別紙23）を添付してください。</t>
    <rPh sb="7" eb="9">
      <t>ジョクソウ</t>
    </rPh>
    <rPh sb="15" eb="17">
      <t>カサン</t>
    </rPh>
    <rPh sb="25" eb="27">
      <t>ジョクソウ</t>
    </rPh>
    <rPh sb="34" eb="35">
      <t>カン</t>
    </rPh>
    <rPh sb="37" eb="40">
      <t>トドケデショ</t>
    </rPh>
    <phoneticPr fontId="3"/>
  </si>
  <si>
    <t>介護職員等特定処遇改善加算</t>
    <phoneticPr fontId="3"/>
  </si>
  <si>
    <t>１ なし</t>
  </si>
  <si>
    <t>２ 加算Ⅰ</t>
  </si>
  <si>
    <t>３ 加算Ⅱ</t>
  </si>
  <si>
    <t>介護職員等ベースアップ等支援加算</t>
    <phoneticPr fontId="3"/>
  </si>
  <si>
    <t>２　連携型</t>
    <phoneticPr fontId="3"/>
  </si>
  <si>
    <t>１ なし</t>
    <phoneticPr fontId="3"/>
  </si>
  <si>
    <t>１ 減算型</t>
    <phoneticPr fontId="3"/>
  </si>
  <si>
    <t>２ あり</t>
    <phoneticPr fontId="3"/>
  </si>
  <si>
    <t>１ なし</t>
    <phoneticPr fontId="3"/>
  </si>
  <si>
    <t>２ 加算Ⅰ</t>
    <phoneticPr fontId="3"/>
  </si>
  <si>
    <t>３ 加算Ⅱ</t>
    <phoneticPr fontId="3"/>
  </si>
  <si>
    <t>共同生活介護</t>
  </si>
  <si>
    <t>利用者の入院期間中の体制</t>
    <rPh sb="0" eb="3">
      <t>リヨウシャ</t>
    </rPh>
    <rPh sb="4" eb="6">
      <t>ニュウイン</t>
    </rPh>
    <rPh sb="6" eb="9">
      <t>キカンチュウ</t>
    </rPh>
    <rPh sb="10" eb="12">
      <t>タイセイ</t>
    </rPh>
    <phoneticPr fontId="3"/>
  </si>
  <si>
    <t>２ 対応可</t>
    <phoneticPr fontId="3"/>
  </si>
  <si>
    <t>１ なし</t>
    <phoneticPr fontId="3"/>
  </si>
  <si>
    <t>５ 加算Ⅱ</t>
    <phoneticPr fontId="3"/>
  </si>
  <si>
    <t>介護職員等特定処遇改善加算</t>
    <phoneticPr fontId="3"/>
  </si>
  <si>
    <t>５ 加算Ⅱ</t>
    <phoneticPr fontId="3"/>
  </si>
  <si>
    <t>２ 加算Ⅲ</t>
    <phoneticPr fontId="3"/>
  </si>
  <si>
    <t>身体拘束廃止取組の有無</t>
    <phoneticPr fontId="3"/>
  </si>
  <si>
    <t>２ あり</t>
    <phoneticPr fontId="3"/>
  </si>
  <si>
    <t>２ 加算Ⅰ</t>
    <phoneticPr fontId="3"/>
  </si>
  <si>
    <t>３ 加算Ⅱ</t>
    <phoneticPr fontId="3"/>
  </si>
  <si>
    <t>６ 加算Ⅰ</t>
    <phoneticPr fontId="3"/>
  </si>
  <si>
    <t>７ 加算Ⅲ</t>
    <phoneticPr fontId="3"/>
  </si>
  <si>
    <t>１ なし</t>
    <phoneticPr fontId="3"/>
  </si>
  <si>
    <t>介護職員等ベースアップ等支援加算</t>
    <phoneticPr fontId="3"/>
  </si>
  <si>
    <t>３ 加算Ⅱ</t>
    <phoneticPr fontId="3"/>
  </si>
  <si>
    <t>７ 加算Ⅲ</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4"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6"/>
      <name val="ＭＳ Ｐゴシック"/>
      <family val="3"/>
      <charset val="128"/>
    </font>
    <font>
      <u/>
      <sz val="11"/>
      <color indexed="36"/>
      <name val="ＭＳ Ｐゴシック"/>
      <family val="3"/>
      <charset val="128"/>
    </font>
    <font>
      <sz val="11"/>
      <name val="HGSｺﾞｼｯｸM"/>
      <family val="3"/>
      <charset val="128"/>
    </font>
    <font>
      <sz val="10"/>
      <name val="HGSｺﾞｼｯｸM"/>
      <family val="3"/>
      <charset val="128"/>
    </font>
    <font>
      <sz val="10.5"/>
      <name val="ＭＳ 明朝"/>
      <family val="1"/>
      <charset val="128"/>
    </font>
    <font>
      <sz val="14"/>
      <name val="HGSｺﾞｼｯｸM"/>
      <family val="3"/>
      <charset val="128"/>
    </font>
    <font>
      <sz val="11"/>
      <name val="ＭＳ Ｐゴシック"/>
      <family val="3"/>
      <charset val="128"/>
    </font>
    <font>
      <sz val="16"/>
      <name val="HGSｺﾞｼｯｸM"/>
      <family val="3"/>
      <charset val="128"/>
    </font>
    <font>
      <strike/>
      <sz val="11"/>
      <name val="HGSｺﾞｼｯｸM"/>
      <family val="3"/>
      <charset val="128"/>
    </font>
    <font>
      <b/>
      <sz val="12"/>
      <name val="HGSｺﾞｼｯｸM"/>
      <family val="3"/>
      <charset val="128"/>
    </font>
    <font>
      <strike/>
      <sz val="11"/>
      <name val="ＭＳ Ｐゴシック"/>
      <family val="3"/>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
      <sz val="11"/>
      <name val="HGｺﾞｼｯｸM"/>
      <family val="3"/>
      <charset val="128"/>
    </font>
    <font>
      <sz val="11"/>
      <color theme="1"/>
      <name val="HGSｺﾞｼｯｸM"/>
      <family val="3"/>
      <charset val="128"/>
    </font>
    <font>
      <sz val="11"/>
      <color theme="1"/>
      <name val="ＭＳ Ｐゴシック"/>
      <family val="3"/>
      <charset val="128"/>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85961485641044"/>
        <bgColor indexed="64"/>
      </patternFill>
    </fill>
    <fill>
      <patternFill patternType="solid">
        <fgColor theme="5" tint="0.79985961485641044"/>
        <bgColor indexed="64"/>
      </patternFill>
    </fill>
    <fill>
      <patternFill patternType="solid">
        <fgColor theme="6" tint="0.79985961485641044"/>
        <bgColor indexed="64"/>
      </patternFill>
    </fill>
    <fill>
      <patternFill patternType="solid">
        <fgColor theme="7" tint="0.79985961485641044"/>
        <bgColor indexed="64"/>
      </patternFill>
    </fill>
    <fill>
      <patternFill patternType="solid">
        <fgColor theme="8" tint="0.79985961485641044"/>
        <bgColor indexed="64"/>
      </patternFill>
    </fill>
    <fill>
      <patternFill patternType="solid">
        <fgColor theme="9" tint="0.79985961485641044"/>
        <bgColor indexed="64"/>
      </patternFill>
    </fill>
    <fill>
      <patternFill patternType="solid">
        <fgColor theme="4" tint="0.59974974822229687"/>
        <bgColor indexed="64"/>
      </patternFill>
    </fill>
    <fill>
      <patternFill patternType="solid">
        <fgColor theme="5" tint="0.59974974822229687"/>
        <bgColor indexed="64"/>
      </patternFill>
    </fill>
    <fill>
      <patternFill patternType="solid">
        <fgColor theme="6" tint="0.59974974822229687"/>
        <bgColor indexed="64"/>
      </patternFill>
    </fill>
    <fill>
      <patternFill patternType="solid">
        <fgColor theme="7" tint="0.59974974822229687"/>
        <bgColor indexed="64"/>
      </patternFill>
    </fill>
    <fill>
      <patternFill patternType="solid">
        <fgColor theme="8" tint="0.59974974822229687"/>
        <bgColor indexed="64"/>
      </patternFill>
    </fill>
    <fill>
      <patternFill patternType="solid">
        <fgColor theme="9" tint="0.59974974822229687"/>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67">
    <border>
      <left/>
      <right/>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dashed">
        <color indexed="64"/>
      </right>
      <top style="thin">
        <color indexed="64"/>
      </top>
      <bottom/>
      <diagonal/>
    </border>
    <border>
      <left style="dashed">
        <color indexed="64"/>
      </left>
      <right style="dashed">
        <color indexed="64"/>
      </right>
      <top style="thin">
        <color indexed="64"/>
      </top>
      <bottom/>
      <diagonal/>
    </border>
    <border>
      <left style="dashed">
        <color indexed="64"/>
      </left>
      <right/>
      <top style="thin">
        <color indexed="64"/>
      </top>
      <bottom/>
      <diagonal/>
    </border>
    <border>
      <left style="thin">
        <color indexed="64"/>
      </left>
      <right/>
      <top style="double">
        <color indexed="64"/>
      </top>
      <bottom style="thin">
        <color indexed="64"/>
      </bottom>
      <diagonal/>
    </border>
    <border>
      <left style="dashed">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style="double">
        <color indexed="64"/>
      </top>
      <bottom style="thin">
        <color indexed="64"/>
      </bottom>
      <diagonal/>
    </border>
    <border>
      <left/>
      <right style="thin">
        <color indexed="64"/>
      </right>
      <top/>
      <bottom/>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style="thin">
        <color indexed="64"/>
      </right>
      <top/>
      <bottom style="thin">
        <color indexed="64"/>
      </bottom>
      <diagonal/>
    </border>
    <border>
      <left/>
      <right style="dashed">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dashed">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right/>
      <top style="dashed">
        <color indexed="64"/>
      </top>
      <bottom/>
      <diagonal/>
    </border>
    <border>
      <left/>
      <right style="thin">
        <color indexed="64"/>
      </right>
      <top style="dashed">
        <color indexed="64"/>
      </top>
      <bottom/>
      <diagonal/>
    </border>
    <border>
      <left/>
      <right style="dashed">
        <color indexed="64"/>
      </right>
      <top style="thin">
        <color indexed="64"/>
      </top>
      <bottom/>
      <diagonal/>
    </border>
    <border>
      <left style="thin">
        <color indexed="64"/>
      </left>
      <right/>
      <top style="dashed">
        <color indexed="64"/>
      </top>
      <bottom/>
      <diagonal/>
    </border>
    <border>
      <left style="dashed">
        <color indexed="64"/>
      </left>
      <right/>
      <top/>
      <bottom/>
      <diagonal/>
    </border>
    <border>
      <left/>
      <right style="dashed">
        <color indexed="64"/>
      </right>
      <top style="double">
        <color indexed="64"/>
      </top>
      <bottom style="thin">
        <color indexed="64"/>
      </bottom>
      <diagonal/>
    </border>
    <border>
      <left style="thin">
        <color indexed="64"/>
      </left>
      <right/>
      <top/>
      <bottom style="dashed">
        <color indexed="64"/>
      </bottom>
      <diagonal/>
    </border>
    <border>
      <left/>
      <right/>
      <top/>
      <bottom style="dashed">
        <color indexed="64"/>
      </bottom>
      <diagonal/>
    </border>
    <border>
      <left/>
      <right style="thin">
        <color indexed="64"/>
      </right>
      <top/>
      <bottom style="dashed">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67955565050204"/>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 diagonalUp="1">
      <left style="thin">
        <color indexed="64"/>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right style="thin">
        <color indexed="64"/>
      </right>
      <top/>
      <bottom style="thin">
        <color indexed="64"/>
      </bottom>
      <diagonal style="thin">
        <color indexed="64"/>
      </diagonal>
    </border>
    <border>
      <left style="thin">
        <color indexed="64"/>
      </left>
      <right style="thin">
        <color indexed="64"/>
      </right>
      <top style="dashed">
        <color indexed="64"/>
      </top>
      <bottom/>
      <diagonal/>
    </border>
    <border>
      <left style="dashed">
        <color indexed="64"/>
      </left>
      <right/>
      <top style="dashed">
        <color indexed="64"/>
      </top>
      <bottom style="dashed">
        <color indexed="64"/>
      </bottom>
      <diagonal/>
    </border>
  </borders>
  <cellStyleXfs count="48">
    <xf numFmtId="0" fontId="0" fillId="0" borderId="0"/>
    <xf numFmtId="0" fontId="14" fillId="4" borderId="0" applyNumberFormat="0" applyBorder="0" applyAlignment="0" applyProtection="0">
      <alignment vertical="center"/>
    </xf>
    <xf numFmtId="0" fontId="14" fillId="5" borderId="0" applyNumberFormat="0" applyBorder="0" applyAlignment="0" applyProtection="0">
      <alignment vertical="center"/>
    </xf>
    <xf numFmtId="0" fontId="14" fillId="6" borderId="0" applyNumberFormat="0" applyBorder="0" applyAlignment="0" applyProtection="0">
      <alignment vertical="center"/>
    </xf>
    <xf numFmtId="0" fontId="14" fillId="7" borderId="0" applyNumberFormat="0" applyBorder="0" applyAlignment="0" applyProtection="0">
      <alignment vertical="center"/>
    </xf>
    <xf numFmtId="0" fontId="14" fillId="8" borderId="0" applyNumberFormat="0" applyBorder="0" applyAlignment="0" applyProtection="0">
      <alignment vertical="center"/>
    </xf>
    <xf numFmtId="0" fontId="14" fillId="9" borderId="0" applyNumberFormat="0" applyBorder="0" applyAlignment="0" applyProtection="0">
      <alignment vertical="center"/>
    </xf>
    <xf numFmtId="0" fontId="14" fillId="10" borderId="0" applyNumberFormat="0" applyBorder="0" applyAlignment="0" applyProtection="0">
      <alignment vertical="center"/>
    </xf>
    <xf numFmtId="0" fontId="14" fillId="11" borderId="0" applyNumberFormat="0" applyBorder="0" applyAlignment="0" applyProtection="0">
      <alignment vertical="center"/>
    </xf>
    <xf numFmtId="0" fontId="14" fillId="12" borderId="0" applyNumberFormat="0" applyBorder="0" applyAlignment="0" applyProtection="0">
      <alignment vertical="center"/>
    </xf>
    <xf numFmtId="0" fontId="14" fillId="13" borderId="0" applyNumberFormat="0" applyBorder="0" applyAlignment="0" applyProtection="0">
      <alignment vertical="center"/>
    </xf>
    <xf numFmtId="0" fontId="14" fillId="14" borderId="0" applyNumberFormat="0" applyBorder="0" applyAlignment="0" applyProtection="0">
      <alignment vertical="center"/>
    </xf>
    <xf numFmtId="0" fontId="14" fillId="15" borderId="0" applyNumberFormat="0" applyBorder="0" applyAlignment="0" applyProtection="0">
      <alignment vertical="center"/>
    </xf>
    <xf numFmtId="0" fontId="15" fillId="16" borderId="0" applyNumberFormat="0" applyBorder="0" applyAlignment="0" applyProtection="0">
      <alignment vertical="center"/>
    </xf>
    <xf numFmtId="0" fontId="15" fillId="17" borderId="0" applyNumberFormat="0" applyBorder="0" applyAlignment="0" applyProtection="0">
      <alignment vertical="center"/>
    </xf>
    <xf numFmtId="0" fontId="15" fillId="18" borderId="0" applyNumberFormat="0" applyBorder="0" applyAlignment="0" applyProtection="0">
      <alignment vertical="center"/>
    </xf>
    <xf numFmtId="0" fontId="15" fillId="19" borderId="0" applyNumberFormat="0" applyBorder="0" applyAlignment="0" applyProtection="0">
      <alignment vertical="center"/>
    </xf>
    <xf numFmtId="0" fontId="15" fillId="20" borderId="0" applyNumberFormat="0" applyBorder="0" applyAlignment="0" applyProtection="0">
      <alignment vertical="center"/>
    </xf>
    <xf numFmtId="0" fontId="15" fillId="21" borderId="0" applyNumberFormat="0" applyBorder="0" applyAlignment="0" applyProtection="0">
      <alignment vertical="center"/>
    </xf>
    <xf numFmtId="0" fontId="15" fillId="22" borderId="0" applyNumberFormat="0" applyBorder="0" applyAlignment="0" applyProtection="0">
      <alignment vertical="center"/>
    </xf>
    <xf numFmtId="0" fontId="15" fillId="23" borderId="0" applyNumberFormat="0" applyBorder="0" applyAlignment="0" applyProtection="0">
      <alignment vertical="center"/>
    </xf>
    <xf numFmtId="0" fontId="15" fillId="24" borderId="0" applyNumberFormat="0" applyBorder="0" applyAlignment="0" applyProtection="0">
      <alignment vertical="center"/>
    </xf>
    <xf numFmtId="0" fontId="15" fillId="25" borderId="0" applyNumberFormat="0" applyBorder="0" applyAlignment="0" applyProtection="0">
      <alignment vertical="center"/>
    </xf>
    <xf numFmtId="0" fontId="15" fillId="26" borderId="0" applyNumberFormat="0" applyBorder="0" applyAlignment="0" applyProtection="0">
      <alignment vertical="center"/>
    </xf>
    <xf numFmtId="0" fontId="15" fillId="27" borderId="0" applyNumberFormat="0" applyBorder="0" applyAlignment="0" applyProtection="0">
      <alignment vertical="center"/>
    </xf>
    <xf numFmtId="0" fontId="16" fillId="0" borderId="0" applyNumberFormat="0" applyFill="0" applyBorder="0" applyAlignment="0" applyProtection="0">
      <alignment vertical="center"/>
    </xf>
    <xf numFmtId="0" fontId="17" fillId="28" borderId="50" applyNumberFormat="0" applyAlignment="0" applyProtection="0">
      <alignment vertical="center"/>
    </xf>
    <xf numFmtId="0" fontId="18" fillId="29" borderId="0" applyNumberFormat="0" applyBorder="0" applyAlignment="0" applyProtection="0">
      <alignment vertical="center"/>
    </xf>
    <xf numFmtId="0" fontId="9" fillId="3" borderId="51" applyNumberFormat="0" applyFont="0" applyAlignment="0" applyProtection="0">
      <alignment vertical="center"/>
    </xf>
    <xf numFmtId="0" fontId="19" fillId="0" borderId="52" applyNumberFormat="0" applyFill="0" applyAlignment="0" applyProtection="0">
      <alignment vertical="center"/>
    </xf>
    <xf numFmtId="0" fontId="20" fillId="30" borderId="0" applyNumberFormat="0" applyBorder="0" applyAlignment="0" applyProtection="0">
      <alignment vertical="center"/>
    </xf>
    <xf numFmtId="0" fontId="21" fillId="31" borderId="53" applyNumberFormat="0" applyAlignment="0" applyProtection="0">
      <alignment vertical="center"/>
    </xf>
    <xf numFmtId="0" fontId="22" fillId="0" borderId="0" applyNumberFormat="0" applyFill="0" applyBorder="0" applyAlignment="0" applyProtection="0">
      <alignment vertical="center"/>
    </xf>
    <xf numFmtId="0" fontId="23" fillId="0" borderId="54" applyNumberFormat="0" applyFill="0" applyAlignment="0" applyProtection="0">
      <alignment vertical="center"/>
    </xf>
    <xf numFmtId="0" fontId="24" fillId="0" borderId="55" applyNumberFormat="0" applyFill="0" applyAlignment="0" applyProtection="0">
      <alignment vertical="center"/>
    </xf>
    <xf numFmtId="0" fontId="25" fillId="0" borderId="56" applyNumberFormat="0" applyFill="0" applyAlignment="0" applyProtection="0">
      <alignment vertical="center"/>
    </xf>
    <xf numFmtId="0" fontId="25" fillId="0" borderId="0" applyNumberFormat="0" applyFill="0" applyBorder="0" applyAlignment="0" applyProtection="0">
      <alignment vertical="center"/>
    </xf>
    <xf numFmtId="0" fontId="26" fillId="0" borderId="57" applyNumberFormat="0" applyFill="0" applyAlignment="0" applyProtection="0">
      <alignment vertical="center"/>
    </xf>
    <xf numFmtId="0" fontId="27" fillId="31" borderId="58" applyNumberFormat="0" applyAlignment="0" applyProtection="0">
      <alignment vertical="center"/>
    </xf>
    <xf numFmtId="0" fontId="28" fillId="0" borderId="0" applyNumberFormat="0" applyFill="0" applyBorder="0" applyAlignment="0" applyProtection="0">
      <alignment vertical="center"/>
    </xf>
    <xf numFmtId="0" fontId="29" fillId="2" borderId="53" applyNumberFormat="0" applyAlignment="0" applyProtection="0">
      <alignment vertical="center"/>
    </xf>
    <xf numFmtId="0" fontId="30" fillId="32" borderId="0" applyNumberFormat="0" applyBorder="0" applyAlignment="0" applyProtection="0">
      <alignment vertical="center"/>
    </xf>
    <xf numFmtId="0" fontId="9" fillId="0" borderId="0"/>
    <xf numFmtId="0" fontId="2" fillId="0" borderId="0">
      <alignment vertical="center"/>
    </xf>
    <xf numFmtId="38" fontId="2" fillId="0" borderId="0" applyFont="0" applyFill="0" applyBorder="0" applyAlignment="0" applyProtection="0">
      <alignment vertical="center"/>
    </xf>
    <xf numFmtId="9" fontId="2" fillId="0" borderId="0" applyFont="0" applyFill="0" applyBorder="0" applyAlignment="0" applyProtection="0">
      <alignment vertical="center"/>
    </xf>
    <xf numFmtId="0" fontId="1" fillId="0" borderId="0">
      <alignment vertical="center"/>
    </xf>
    <xf numFmtId="9" fontId="1" fillId="0" borderId="0" applyFont="0" applyFill="0" applyBorder="0" applyAlignment="0" applyProtection="0">
      <alignment vertical="center"/>
    </xf>
  </cellStyleXfs>
  <cellXfs count="410">
    <xf numFmtId="0" fontId="0" fillId="0" borderId="0" xfId="0" applyAlignment="1"/>
    <xf numFmtId="0" fontId="5" fillId="0" borderId="0" xfId="0" applyFont="1" applyAlignment="1">
      <alignment horizontal="left" vertical="center"/>
    </xf>
    <xf numFmtId="0" fontId="5" fillId="0" borderId="0" xfId="0" applyFont="1" applyAlignment="1">
      <alignment vertical="center"/>
    </xf>
    <xf numFmtId="0" fontId="5" fillId="0" borderId="0" xfId="0" applyFont="1" applyAlignment="1"/>
    <xf numFmtId="0" fontId="5" fillId="0" borderId="1" xfId="0" applyFont="1" applyBorder="1" applyAlignment="1">
      <alignment horizontal="left" vertical="center"/>
    </xf>
    <xf numFmtId="0" fontId="5" fillId="0" borderId="2" xfId="0" applyFont="1" applyBorder="1" applyAlignment="1">
      <alignment horizontal="left" vertical="center"/>
    </xf>
    <xf numFmtId="0" fontId="5" fillId="0" borderId="3" xfId="0" applyFont="1" applyBorder="1" applyAlignment="1">
      <alignment horizontal="left" vertical="center"/>
    </xf>
    <xf numFmtId="0" fontId="5" fillId="0" borderId="4" xfId="0" applyFont="1" applyBorder="1" applyAlignment="1">
      <alignment horizontal="left" vertical="center"/>
    </xf>
    <xf numFmtId="0" fontId="5" fillId="0" borderId="5" xfId="0" applyFont="1" applyBorder="1" applyAlignment="1">
      <alignment horizontal="left"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0" fontId="5" fillId="0" borderId="8" xfId="0" applyFont="1" applyBorder="1" applyAlignment="1">
      <alignment horizontal="left" vertical="center"/>
    </xf>
    <xf numFmtId="0" fontId="5" fillId="0" borderId="0" xfId="0" applyFont="1" applyAlignment="1">
      <alignment horizontal="center" vertical="center"/>
    </xf>
    <xf numFmtId="0" fontId="5" fillId="0" borderId="9" xfId="0" applyFont="1" applyBorder="1" applyAlignment="1">
      <alignment horizontal="left" vertical="center"/>
    </xf>
    <xf numFmtId="0" fontId="5" fillId="0" borderId="0" xfId="0" applyFont="1" applyAlignment="1">
      <alignment horizontal="left"/>
    </xf>
    <xf numFmtId="0" fontId="5" fillId="0" borderId="6" xfId="0" applyFont="1" applyBorder="1" applyAlignment="1"/>
    <xf numFmtId="0" fontId="5" fillId="0" borderId="7" xfId="0" applyFont="1" applyBorder="1" applyAlignment="1"/>
    <xf numFmtId="0" fontId="5" fillId="0" borderId="8" xfId="0" applyFont="1" applyBorder="1" applyAlignment="1"/>
    <xf numFmtId="0" fontId="5" fillId="0" borderId="6" xfId="0" applyFont="1" applyBorder="1" applyAlignment="1">
      <alignment horizontal="justify" wrapText="1"/>
    </xf>
    <xf numFmtId="0" fontId="5" fillId="0" borderId="7" xfId="0" applyFont="1" applyBorder="1" applyAlignment="1">
      <alignment horizontal="justify" wrapText="1"/>
    </xf>
    <xf numFmtId="0" fontId="5" fillId="0" borderId="0" xfId="0" applyFont="1" applyBorder="1" applyAlignment="1">
      <alignment horizontal="justify" vertical="center" wrapText="1"/>
    </xf>
    <xf numFmtId="0" fontId="5" fillId="0" borderId="0" xfId="0" applyFont="1" applyAlignment="1">
      <alignment horizontal="left" vertical="center" wrapText="1"/>
    </xf>
    <xf numFmtId="0" fontId="5" fillId="0" borderId="4" xfId="0" applyFont="1" applyBorder="1" applyAlignment="1">
      <alignment vertical="center"/>
    </xf>
    <xf numFmtId="0" fontId="5" fillId="0" borderId="1" xfId="0" applyFont="1" applyBorder="1" applyAlignment="1">
      <alignment vertical="center"/>
    </xf>
    <xf numFmtId="0" fontId="5" fillId="0" borderId="6" xfId="0" applyFont="1" applyBorder="1" applyAlignment="1">
      <alignment horizontal="justify" vertical="center"/>
    </xf>
    <xf numFmtId="0" fontId="5" fillId="0" borderId="7" xfId="0" applyFont="1" applyBorder="1" applyAlignment="1">
      <alignment horizontal="justify" vertical="center"/>
    </xf>
    <xf numFmtId="0" fontId="5" fillId="0" borderId="8" xfId="0" applyFont="1" applyBorder="1" applyAlignment="1">
      <alignment horizontal="justify" vertical="center"/>
    </xf>
    <xf numFmtId="0" fontId="5" fillId="0" borderId="0" xfId="0" applyFont="1" applyBorder="1" applyAlignment="1">
      <alignment horizontal="left" wrapText="1"/>
    </xf>
    <xf numFmtId="0" fontId="5" fillId="0" borderId="3" xfId="0" applyFont="1" applyBorder="1" applyAlignment="1">
      <alignment horizontal="justify" vertical="center"/>
    </xf>
    <xf numFmtId="0" fontId="5" fillId="0" borderId="6" xfId="0" applyFont="1" applyBorder="1" applyAlignment="1">
      <alignment horizontal="justify"/>
    </xf>
    <xf numFmtId="0" fontId="5" fillId="0" borderId="7" xfId="0" applyFont="1" applyBorder="1" applyAlignment="1">
      <alignment horizontal="justify"/>
    </xf>
    <xf numFmtId="0" fontId="5" fillId="0" borderId="8" xfId="0" applyFont="1" applyBorder="1" applyAlignment="1">
      <alignment horizontal="justify"/>
    </xf>
    <xf numFmtId="0" fontId="5" fillId="0" borderId="4" xfId="0" applyFont="1" applyBorder="1" applyAlignment="1">
      <alignment horizontal="justify" vertical="center"/>
    </xf>
    <xf numFmtId="0" fontId="5" fillId="0" borderId="1" xfId="0" applyFont="1" applyBorder="1" applyAlignment="1">
      <alignment horizontal="justify" vertical="center"/>
    </xf>
    <xf numFmtId="0" fontId="5" fillId="0" borderId="4" xfId="0" applyFont="1" applyBorder="1" applyAlignment="1">
      <alignment horizontal="justify" wrapText="1"/>
    </xf>
    <xf numFmtId="0" fontId="5" fillId="0" borderId="1" xfId="0" applyFont="1" applyBorder="1" applyAlignment="1">
      <alignment horizontal="justify" wrapText="1"/>
    </xf>
    <xf numFmtId="0" fontId="5" fillId="0" borderId="8" xfId="0" applyFont="1" applyBorder="1" applyAlignment="1">
      <alignment horizontal="justify" wrapText="1"/>
    </xf>
    <xf numFmtId="0" fontId="5" fillId="0" borderId="10" xfId="0" applyFont="1" applyBorder="1" applyAlignment="1">
      <alignment horizontal="justify" wrapText="1"/>
    </xf>
    <xf numFmtId="0" fontId="5" fillId="0" borderId="9" xfId="0" applyFont="1" applyBorder="1" applyAlignment="1">
      <alignment horizontal="justify" wrapText="1"/>
    </xf>
    <xf numFmtId="0" fontId="5" fillId="0" borderId="9" xfId="0" applyFont="1" applyBorder="1" applyAlignment="1"/>
    <xf numFmtId="0" fontId="5" fillId="0" borderId="11" xfId="0" applyFont="1" applyBorder="1" applyAlignment="1">
      <alignment horizontal="left"/>
    </xf>
    <xf numFmtId="0" fontId="5" fillId="0" borderId="3" xfId="0" applyFont="1" applyBorder="1" applyAlignment="1">
      <alignment vertical="center"/>
    </xf>
    <xf numFmtId="0" fontId="5" fillId="0" borderId="12" xfId="0" applyFont="1" applyBorder="1" applyAlignment="1">
      <alignment vertical="center"/>
    </xf>
    <xf numFmtId="0" fontId="5" fillId="0" borderId="13" xfId="0" applyFont="1" applyBorder="1" applyAlignment="1">
      <alignment vertical="center"/>
    </xf>
    <xf numFmtId="0" fontId="5" fillId="0" borderId="14" xfId="0" applyFont="1" applyBorder="1" applyAlignment="1">
      <alignment vertical="center"/>
    </xf>
    <xf numFmtId="0" fontId="5" fillId="0" borderId="0" xfId="0" applyFont="1" applyAlignment="1">
      <alignment horizontal="right" vertical="center"/>
    </xf>
    <xf numFmtId="0" fontId="7" fillId="0" borderId="0" xfId="0" applyFont="1" applyAlignment="1">
      <alignment horizontal="justify"/>
    </xf>
    <xf numFmtId="0" fontId="5" fillId="0" borderId="7" xfId="0" applyFont="1" applyBorder="1" applyAlignment="1">
      <alignment horizontal="left"/>
    </xf>
    <xf numFmtId="0" fontId="5" fillId="0" borderId="7" xfId="0" applyFont="1" applyBorder="1" applyAlignment="1">
      <alignment horizontal="left" wrapText="1"/>
    </xf>
    <xf numFmtId="0" fontId="5" fillId="0" borderId="4" xfId="0" applyFont="1" applyBorder="1" applyAlignment="1">
      <alignment horizontal="left"/>
    </xf>
    <xf numFmtId="0" fontId="5" fillId="0" borderId="1" xfId="0" applyFont="1" applyBorder="1" applyAlignment="1">
      <alignment horizontal="left"/>
    </xf>
    <xf numFmtId="0" fontId="5" fillId="0" borderId="5" xfId="0" applyFont="1" applyBorder="1" applyAlignment="1">
      <alignment horizontal="left"/>
    </xf>
    <xf numFmtId="0" fontId="5" fillId="0" borderId="15" xfId="0" applyFont="1" applyBorder="1" applyAlignment="1">
      <alignment horizontal="left"/>
    </xf>
    <xf numFmtId="0" fontId="5" fillId="0" borderId="3" xfId="0" applyFont="1" applyBorder="1" applyAlignment="1">
      <alignment horizontal="left"/>
    </xf>
    <xf numFmtId="0" fontId="5" fillId="0" borderId="16" xfId="0" applyFont="1" applyBorder="1" applyAlignment="1">
      <alignment horizontal="left"/>
    </xf>
    <xf numFmtId="0" fontId="5" fillId="0" borderId="0" xfId="0" applyFont="1" applyBorder="1" applyAlignment="1">
      <alignment horizontal="left"/>
    </xf>
    <xf numFmtId="0" fontId="5" fillId="0" borderId="17" xfId="0" applyFont="1" applyBorder="1" applyAlignment="1">
      <alignment horizontal="left"/>
    </xf>
    <xf numFmtId="0" fontId="5" fillId="0" borderId="3" xfId="0" applyFont="1" applyBorder="1" applyAlignment="1"/>
    <xf numFmtId="0" fontId="5" fillId="0" borderId="4" xfId="0" applyFont="1" applyBorder="1" applyAlignment="1"/>
    <xf numFmtId="0" fontId="5" fillId="0" borderId="1" xfId="0" applyFont="1" applyBorder="1" applyAlignment="1"/>
    <xf numFmtId="0" fontId="5" fillId="0" borderId="5" xfId="0" applyFont="1" applyBorder="1" applyAlignment="1"/>
    <xf numFmtId="0" fontId="5" fillId="0" borderId="15" xfId="0" applyFont="1" applyBorder="1" applyAlignment="1"/>
    <xf numFmtId="0" fontId="5" fillId="0" borderId="18" xfId="0" applyFont="1" applyBorder="1" applyAlignment="1">
      <alignment horizontal="center" vertical="center" textRotation="255"/>
    </xf>
    <xf numFmtId="0" fontId="5" fillId="0" borderId="19" xfId="0" applyFont="1" applyBorder="1" applyAlignment="1">
      <alignment horizontal="justify" wrapText="1"/>
    </xf>
    <xf numFmtId="0" fontId="5" fillId="0" borderId="19" xfId="0" applyFont="1" applyBorder="1" applyAlignment="1">
      <alignment horizontal="left" vertical="center"/>
    </xf>
    <xf numFmtId="0" fontId="5" fillId="0" borderId="20" xfId="0" applyFont="1" applyBorder="1" applyAlignment="1">
      <alignment horizontal="left" vertical="center"/>
    </xf>
    <xf numFmtId="0" fontId="5" fillId="0" borderId="6" xfId="0" applyFont="1" applyBorder="1" applyAlignment="1">
      <alignment horizontal="center" vertical="center" textRotation="255"/>
    </xf>
    <xf numFmtId="0" fontId="5" fillId="0" borderId="4" xfId="0" applyFont="1" applyBorder="1" applyAlignment="1">
      <alignment horizontal="justify"/>
    </xf>
    <xf numFmtId="0" fontId="5" fillId="0" borderId="5" xfId="0" applyFont="1" applyBorder="1" applyAlignment="1">
      <alignment horizontal="justify"/>
    </xf>
    <xf numFmtId="0" fontId="5" fillId="0" borderId="6" xfId="0" applyFont="1" applyBorder="1" applyAlignment="1">
      <alignment horizontal="center" vertical="center" textRotation="255" wrapText="1"/>
    </xf>
    <xf numFmtId="0" fontId="5" fillId="0" borderId="3" xfId="0" applyFont="1" applyBorder="1" applyAlignment="1">
      <alignment horizontal="center" vertical="center" textRotation="255" wrapText="1"/>
    </xf>
    <xf numFmtId="0" fontId="5" fillId="0" borderId="20" xfId="0" applyFont="1" applyBorder="1" applyAlignment="1">
      <alignment horizontal="justify" wrapText="1"/>
    </xf>
    <xf numFmtId="0" fontId="5" fillId="0" borderId="21" xfId="0" applyFont="1" applyBorder="1" applyAlignment="1">
      <alignment horizontal="center" vertical="center" textRotation="255" wrapText="1"/>
    </xf>
    <xf numFmtId="0" fontId="5" fillId="0" borderId="22" xfId="0" applyFont="1" applyBorder="1" applyAlignment="1">
      <alignment horizontal="justify" wrapText="1"/>
    </xf>
    <xf numFmtId="0" fontId="5" fillId="0" borderId="23" xfId="0" applyFont="1" applyBorder="1" applyAlignment="1">
      <alignment horizontal="justify" wrapText="1"/>
    </xf>
    <xf numFmtId="0" fontId="5" fillId="0" borderId="24" xfId="0" applyFont="1" applyBorder="1" applyAlignment="1">
      <alignment horizontal="justify" wrapText="1"/>
    </xf>
    <xf numFmtId="0" fontId="5" fillId="0" borderId="21" xfId="0" applyFont="1" applyBorder="1" applyAlignment="1">
      <alignment horizontal="left" vertical="center"/>
    </xf>
    <xf numFmtId="0" fontId="5" fillId="0" borderId="23" xfId="0" applyFont="1" applyBorder="1" applyAlignment="1">
      <alignment horizontal="justify"/>
    </xf>
    <xf numFmtId="0" fontId="5" fillId="0" borderId="23" xfId="0" applyFont="1" applyBorder="1" applyAlignment="1"/>
    <xf numFmtId="0" fontId="5" fillId="0" borderId="24" xfId="0" applyFont="1" applyBorder="1" applyAlignment="1"/>
    <xf numFmtId="0" fontId="5" fillId="0" borderId="3" xfId="0" applyFont="1" applyBorder="1" applyAlignment="1">
      <alignment horizontal="justify" wrapText="1"/>
    </xf>
    <xf numFmtId="0" fontId="5" fillId="0" borderId="25" xfId="0" applyFont="1" applyBorder="1" applyAlignment="1">
      <alignment horizontal="left" vertical="center"/>
    </xf>
    <xf numFmtId="0" fontId="5" fillId="0" borderId="21" xfId="0" applyFont="1" applyBorder="1" applyAlignment="1">
      <alignment horizontal="justify" wrapText="1"/>
    </xf>
    <xf numFmtId="0" fontId="5" fillId="0" borderId="24" xfId="0" applyFont="1" applyBorder="1" applyAlignment="1">
      <alignment horizontal="left" vertical="center"/>
    </xf>
    <xf numFmtId="0" fontId="5" fillId="0" borderId="26" xfId="0" applyFont="1" applyBorder="1" applyAlignment="1">
      <alignment horizontal="left" vertical="center"/>
    </xf>
    <xf numFmtId="0" fontId="5" fillId="0" borderId="21" xfId="0" applyFont="1" applyBorder="1" applyAlignment="1"/>
    <xf numFmtId="0" fontId="10" fillId="0" borderId="0" xfId="0" applyFont="1" applyFill="1" applyBorder="1" applyAlignment="1">
      <alignment horizontal="left" vertical="center"/>
    </xf>
    <xf numFmtId="0" fontId="5" fillId="0" borderId="0" xfId="0" applyFont="1" applyFill="1" applyAlignment="1"/>
    <xf numFmtId="0" fontId="11" fillId="0" borderId="0" xfId="0" applyFont="1" applyFill="1" applyBorder="1" applyAlignment="1">
      <alignment horizontal="left" vertical="center"/>
    </xf>
    <xf numFmtId="0" fontId="5" fillId="0" borderId="0" xfId="0" applyFont="1" applyFill="1" applyAlignment="1">
      <alignment vertical="center"/>
    </xf>
    <xf numFmtId="0" fontId="13" fillId="0" borderId="0" xfId="0" applyFont="1" applyFill="1" applyAlignment="1">
      <alignment horizontal="left" vertical="center"/>
    </xf>
    <xf numFmtId="0" fontId="5" fillId="0" borderId="5" xfId="0" applyFont="1" applyFill="1" applyBorder="1" applyAlignment="1">
      <alignment vertical="center"/>
    </xf>
    <xf numFmtId="0" fontId="5" fillId="0" borderId="16" xfId="0" applyFont="1" applyFill="1" applyBorder="1" applyAlignment="1">
      <alignment vertical="center" wrapText="1"/>
    </xf>
    <xf numFmtId="0" fontId="5" fillId="0" borderId="0" xfId="0" applyFont="1" applyFill="1" applyAlignment="1">
      <alignment vertical="top"/>
    </xf>
    <xf numFmtId="0" fontId="0" fillId="0" borderId="0" xfId="0" applyFont="1" applyFill="1" applyBorder="1" applyAlignment="1">
      <alignment horizontal="center" vertical="center"/>
    </xf>
    <xf numFmtId="0" fontId="0" fillId="0" borderId="0" xfId="0" applyFont="1" applyFill="1" applyAlignment="1">
      <alignment horizontal="left" vertical="center"/>
    </xf>
    <xf numFmtId="0" fontId="0" fillId="0" borderId="0" xfId="0" applyFont="1" applyFill="1" applyBorder="1" applyAlignment="1">
      <alignment horizontal="left" vertical="center"/>
    </xf>
    <xf numFmtId="14" fontId="5" fillId="0" borderId="0" xfId="0" applyNumberFormat="1" applyFont="1" applyFill="1" applyAlignment="1">
      <alignment horizontal="left" vertical="center"/>
    </xf>
    <xf numFmtId="0" fontId="13" fillId="0" borderId="0" xfId="0" applyFont="1" applyFill="1" applyAlignment="1">
      <alignment horizontal="center" vertical="center"/>
    </xf>
    <xf numFmtId="0" fontId="12" fillId="0" borderId="0" xfId="0" applyFont="1" applyFill="1" applyBorder="1" applyAlignment="1">
      <alignment horizontal="left" vertical="center"/>
    </xf>
    <xf numFmtId="0" fontId="0" fillId="0" borderId="0" xfId="0" applyFont="1" applyFill="1" applyAlignment="1">
      <alignment horizontal="center" vertical="center"/>
    </xf>
    <xf numFmtId="0" fontId="0" fillId="0" borderId="0" xfId="0" applyFont="1" applyFill="1" applyAlignment="1"/>
    <xf numFmtId="0" fontId="5" fillId="0" borderId="3" xfId="0" applyFont="1" applyFill="1" applyBorder="1" applyAlignment="1">
      <alignment vertical="center"/>
    </xf>
    <xf numFmtId="0" fontId="5" fillId="0" borderId="4" xfId="0" applyFont="1" applyFill="1" applyBorder="1" applyAlignment="1">
      <alignment vertical="center"/>
    </xf>
    <xf numFmtId="0" fontId="5" fillId="0" borderId="1" xfId="0" applyFont="1" applyFill="1" applyBorder="1" applyAlignment="1">
      <alignment vertical="center"/>
    </xf>
    <xf numFmtId="0" fontId="5" fillId="0" borderId="13" xfId="0" applyFont="1" applyFill="1" applyBorder="1" applyAlignment="1">
      <alignment vertical="center"/>
    </xf>
    <xf numFmtId="0" fontId="5" fillId="0" borderId="14" xfId="0" applyFont="1" applyFill="1" applyBorder="1" applyAlignment="1">
      <alignment vertical="center"/>
    </xf>
    <xf numFmtId="0" fontId="5" fillId="0" borderId="3" xfId="0" applyFont="1" applyFill="1" applyBorder="1" applyAlignment="1">
      <alignment vertical="center" wrapText="1"/>
    </xf>
    <xf numFmtId="0" fontId="5" fillId="0" borderId="0" xfId="0" applyFont="1" applyFill="1" applyBorder="1" applyAlignment="1">
      <alignment vertical="top"/>
    </xf>
    <xf numFmtId="0" fontId="5" fillId="0" borderId="17" xfId="0" applyFont="1" applyFill="1" applyBorder="1" applyAlignment="1">
      <alignment vertical="top"/>
    </xf>
    <xf numFmtId="0" fontId="5" fillId="0" borderId="27" xfId="0" applyFont="1" applyFill="1" applyBorder="1" applyAlignment="1">
      <alignment vertical="top"/>
    </xf>
    <xf numFmtId="0" fontId="5" fillId="0" borderId="0" xfId="0" applyFont="1" applyFill="1" applyBorder="1" applyAlignment="1">
      <alignment horizontal="center" vertical="center"/>
    </xf>
    <xf numFmtId="0" fontId="5" fillId="0" borderId="0" xfId="0" applyFont="1" applyFill="1" applyBorder="1" applyAlignment="1">
      <alignment vertical="center"/>
    </xf>
    <xf numFmtId="0" fontId="5" fillId="0" borderId="28" xfId="0" applyFont="1" applyFill="1" applyBorder="1" applyAlignment="1">
      <alignment horizontal="left" vertical="center" shrinkToFit="1"/>
    </xf>
    <xf numFmtId="0" fontId="5" fillId="0" borderId="29" xfId="0" applyFont="1" applyFill="1" applyBorder="1" applyAlignment="1">
      <alignment horizontal="left" vertical="center" shrinkToFit="1"/>
    </xf>
    <xf numFmtId="0" fontId="5" fillId="0" borderId="27" xfId="0" applyFont="1" applyFill="1" applyBorder="1" applyAlignment="1">
      <alignment vertical="center" wrapText="1"/>
    </xf>
    <xf numFmtId="0" fontId="5" fillId="0" borderId="5" xfId="0" applyFont="1" applyFill="1" applyBorder="1" applyAlignment="1">
      <alignment vertical="center" wrapText="1"/>
    </xf>
    <xf numFmtId="0" fontId="5" fillId="0" borderId="15" xfId="0" applyFont="1" applyFill="1" applyBorder="1" applyAlignment="1">
      <alignment vertical="center" wrapText="1"/>
    </xf>
    <xf numFmtId="0" fontId="5" fillId="0" borderId="3" xfId="0" applyFont="1" applyFill="1" applyBorder="1" applyAlignment="1">
      <alignment horizontal="left" vertical="center"/>
    </xf>
    <xf numFmtId="0" fontId="5" fillId="0" borderId="4" xfId="0" applyFont="1" applyFill="1" applyBorder="1" applyAlignment="1">
      <alignment horizontal="left" vertical="center"/>
    </xf>
    <xf numFmtId="0" fontId="5" fillId="0" borderId="1" xfId="0" applyFont="1" applyFill="1" applyBorder="1" applyAlignment="1">
      <alignment horizontal="left" vertical="center"/>
    </xf>
    <xf numFmtId="0" fontId="5" fillId="0" borderId="16" xfId="0" applyFont="1" applyFill="1" applyBorder="1" applyAlignment="1">
      <alignment horizontal="left" vertical="center"/>
    </xf>
    <xf numFmtId="0" fontId="5" fillId="0" borderId="15" xfId="0" applyFont="1" applyFill="1" applyBorder="1" applyAlignment="1">
      <alignment horizontal="left" vertical="center"/>
    </xf>
    <xf numFmtId="0" fontId="5" fillId="0" borderId="0" xfId="0" applyFont="1" applyFill="1" applyAlignment="1">
      <alignment horizontal="center"/>
    </xf>
    <xf numFmtId="0" fontId="5" fillId="0" borderId="4" xfId="0" applyFont="1" applyFill="1" applyBorder="1" applyAlignment="1">
      <alignment vertical="center" wrapText="1"/>
    </xf>
    <xf numFmtId="0" fontId="0" fillId="0" borderId="36" xfId="0" applyFont="1" applyFill="1" applyBorder="1" applyAlignment="1">
      <alignment horizontal="left" vertical="center"/>
    </xf>
    <xf numFmtId="0" fontId="0" fillId="0" borderId="39" xfId="0" applyFont="1" applyFill="1" applyBorder="1" applyAlignment="1">
      <alignment horizontal="left" vertical="center"/>
    </xf>
    <xf numFmtId="0" fontId="5" fillId="0" borderId="27" xfId="0" applyFont="1" applyFill="1" applyBorder="1" applyAlignment="1">
      <alignment horizontal="left" vertical="center"/>
    </xf>
    <xf numFmtId="0" fontId="5" fillId="0" borderId="1" xfId="0" applyFont="1" applyFill="1" applyBorder="1" applyAlignment="1">
      <alignment vertical="center" wrapText="1"/>
    </xf>
    <xf numFmtId="0" fontId="0" fillId="0" borderId="41" xfId="0" applyFont="1" applyFill="1" applyBorder="1" applyAlignment="1">
      <alignment horizontal="left" vertical="center"/>
    </xf>
    <xf numFmtId="0" fontId="0" fillId="0" borderId="42" xfId="0" applyFont="1" applyFill="1" applyBorder="1" applyAlignment="1">
      <alignment horizontal="left" vertical="center"/>
    </xf>
    <xf numFmtId="0" fontId="0" fillId="0" borderId="48" xfId="0" applyFont="1" applyFill="1" applyBorder="1" applyAlignment="1">
      <alignment horizontal="left" vertical="center"/>
    </xf>
    <xf numFmtId="0" fontId="0" fillId="0" borderId="49" xfId="0" applyFont="1" applyFill="1" applyBorder="1" applyAlignment="1">
      <alignment horizontal="left" vertical="center"/>
    </xf>
    <xf numFmtId="0" fontId="5" fillId="0" borderId="36" xfId="0" applyFont="1" applyFill="1" applyBorder="1" applyAlignment="1">
      <alignment vertical="center"/>
    </xf>
    <xf numFmtId="0" fontId="0" fillId="0" borderId="1" xfId="0" applyFont="1" applyFill="1" applyBorder="1" applyAlignment="1">
      <alignment vertical="center"/>
    </xf>
    <xf numFmtId="0" fontId="0" fillId="0" borderId="27" xfId="0" applyFont="1" applyFill="1" applyBorder="1" applyAlignment="1">
      <alignment horizontal="left" vertical="center"/>
    </xf>
    <xf numFmtId="0" fontId="0" fillId="0" borderId="39" xfId="0" applyFont="1" applyFill="1" applyBorder="1" applyAlignment="1">
      <alignment vertical="center"/>
    </xf>
    <xf numFmtId="0" fontId="0" fillId="0" borderId="40" xfId="0" applyFont="1" applyFill="1" applyBorder="1" applyAlignment="1">
      <alignment vertical="center"/>
    </xf>
    <xf numFmtId="0" fontId="5" fillId="0" borderId="39" xfId="0" applyFont="1" applyFill="1" applyBorder="1" applyAlignment="1">
      <alignment vertical="center"/>
    </xf>
    <xf numFmtId="0" fontId="5" fillId="0" borderId="40" xfId="0" applyFont="1" applyFill="1" applyBorder="1" applyAlignment="1">
      <alignment vertical="center"/>
    </xf>
    <xf numFmtId="0" fontId="5" fillId="0" borderId="41" xfId="0" applyFont="1" applyFill="1" applyBorder="1" applyAlignment="1">
      <alignment vertical="center"/>
    </xf>
    <xf numFmtId="0" fontId="5" fillId="0" borderId="42" xfId="0" applyFont="1" applyFill="1" applyBorder="1" applyAlignment="1">
      <alignment vertical="center"/>
    </xf>
    <xf numFmtId="0" fontId="5" fillId="0" borderId="48" xfId="0" applyFont="1" applyFill="1" applyBorder="1" applyAlignment="1">
      <alignment vertical="center"/>
    </xf>
    <xf numFmtId="0" fontId="5" fillId="0" borderId="49" xfId="0" applyFont="1" applyFill="1" applyBorder="1" applyAlignment="1">
      <alignment vertical="center"/>
    </xf>
    <xf numFmtId="0" fontId="0" fillId="0" borderId="48" xfId="0" applyFont="1" applyFill="1" applyBorder="1" applyAlignment="1">
      <alignment vertical="center"/>
    </xf>
    <xf numFmtId="0" fontId="0" fillId="0" borderId="41" xfId="0" applyFont="1" applyFill="1" applyBorder="1" applyAlignment="1">
      <alignment vertical="center"/>
    </xf>
    <xf numFmtId="0" fontId="0" fillId="0" borderId="42" xfId="0" applyFont="1" applyFill="1" applyBorder="1" applyAlignment="1">
      <alignment vertical="center"/>
    </xf>
    <xf numFmtId="0" fontId="5" fillId="0" borderId="1" xfId="0" applyFont="1" applyFill="1" applyBorder="1" applyAlignment="1">
      <alignment vertical="top"/>
    </xf>
    <xf numFmtId="0" fontId="5" fillId="0" borderId="16" xfId="0" applyFont="1" applyFill="1" applyBorder="1" applyAlignment="1">
      <alignment vertical="top"/>
    </xf>
    <xf numFmtId="0" fontId="5" fillId="0" borderId="5" xfId="0" applyFont="1" applyFill="1" applyBorder="1" applyAlignment="1">
      <alignment vertical="top"/>
    </xf>
    <xf numFmtId="0" fontId="5" fillId="0" borderId="15" xfId="0" applyFont="1" applyFill="1" applyBorder="1" applyAlignment="1">
      <alignment vertical="top"/>
    </xf>
    <xf numFmtId="0" fontId="5" fillId="0" borderId="42" xfId="0" applyFont="1" applyFill="1" applyBorder="1" applyAlignment="1">
      <alignment horizontal="left" vertical="center"/>
    </xf>
    <xf numFmtId="0" fontId="0" fillId="0" borderId="5" xfId="0" applyFont="1" applyFill="1" applyBorder="1" applyAlignment="1">
      <alignment horizontal="left" vertical="center"/>
    </xf>
    <xf numFmtId="0" fontId="0" fillId="0" borderId="15" xfId="0" applyFont="1" applyFill="1" applyBorder="1" applyAlignment="1">
      <alignment horizontal="left" vertical="center"/>
    </xf>
    <xf numFmtId="0" fontId="5" fillId="0" borderId="49" xfId="0" applyFont="1" applyFill="1" applyBorder="1" applyAlignment="1">
      <alignment horizontal="left" vertical="center"/>
    </xf>
    <xf numFmtId="0" fontId="11" fillId="0" borderId="39" xfId="0" applyFont="1" applyFill="1" applyBorder="1" applyAlignment="1">
      <alignment horizontal="left" vertical="center"/>
    </xf>
    <xf numFmtId="0" fontId="11" fillId="0" borderId="40" xfId="0" applyFont="1" applyFill="1" applyBorder="1" applyAlignment="1">
      <alignment horizontal="left" vertical="center"/>
    </xf>
    <xf numFmtId="0" fontId="5" fillId="0" borderId="27" xfId="0" applyFont="1" applyFill="1" applyBorder="1" applyAlignment="1">
      <alignment horizontal="center" vertical="center"/>
    </xf>
    <xf numFmtId="0" fontId="5" fillId="0" borderId="30" xfId="0" applyFont="1" applyFill="1" applyBorder="1" applyAlignment="1">
      <alignment vertical="center" wrapText="1"/>
    </xf>
    <xf numFmtId="0" fontId="5" fillId="0" borderId="29" xfId="0" applyFont="1" applyFill="1" applyBorder="1" applyAlignment="1">
      <alignment vertical="center" wrapText="1"/>
    </xf>
    <xf numFmtId="0" fontId="5" fillId="0" borderId="28" xfId="0" applyFont="1" applyFill="1" applyBorder="1" applyAlignment="1">
      <alignment vertical="center"/>
    </xf>
    <xf numFmtId="0" fontId="5" fillId="0" borderId="29" xfId="0" applyFont="1" applyFill="1" applyBorder="1" applyAlignment="1">
      <alignment vertical="center"/>
    </xf>
    <xf numFmtId="0" fontId="5" fillId="0" borderId="40" xfId="0" applyFont="1" applyFill="1" applyBorder="1" applyAlignment="1">
      <alignment horizontal="left" vertical="center"/>
    </xf>
    <xf numFmtId="0" fontId="0" fillId="0" borderId="37" xfId="0" applyFont="1" applyFill="1" applyBorder="1" applyAlignment="1">
      <alignment horizontal="left" vertical="center"/>
    </xf>
    <xf numFmtId="0" fontId="0" fillId="0" borderId="40" xfId="0" applyFont="1" applyFill="1" applyBorder="1" applyAlignment="1">
      <alignment horizontal="left" vertical="center"/>
    </xf>
    <xf numFmtId="0" fontId="5" fillId="0" borderId="39" xfId="0" applyFont="1" applyFill="1" applyBorder="1" applyAlignment="1">
      <alignment horizontal="left" vertical="center" wrapText="1"/>
    </xf>
    <xf numFmtId="0" fontId="5" fillId="0" borderId="37" xfId="0" applyFont="1" applyFill="1" applyBorder="1" applyAlignment="1">
      <alignment vertical="center"/>
    </xf>
    <xf numFmtId="0" fontId="5" fillId="0" borderId="17" xfId="0" applyFont="1" applyFill="1" applyBorder="1" applyAlignment="1">
      <alignment vertical="center"/>
    </xf>
    <xf numFmtId="0" fontId="5" fillId="0" borderId="16" xfId="0" applyFont="1" applyFill="1" applyBorder="1" applyAlignment="1">
      <alignment vertical="center"/>
    </xf>
    <xf numFmtId="0" fontId="5" fillId="0" borderId="17" xfId="0" applyFont="1" applyFill="1" applyBorder="1" applyAlignment="1">
      <alignment vertical="center" wrapText="1"/>
    </xf>
    <xf numFmtId="0" fontId="0" fillId="0" borderId="16" xfId="0" applyBorder="1" applyAlignment="1">
      <alignment horizontal="center" vertical="center"/>
    </xf>
    <xf numFmtId="0" fontId="0" fillId="0" borderId="13" xfId="0" applyFont="1" applyFill="1" applyBorder="1" applyAlignment="1">
      <alignment vertical="center"/>
    </xf>
    <xf numFmtId="0" fontId="0" fillId="0" borderId="38" xfId="0" applyBorder="1" applyAlignment="1">
      <alignment horizontal="center" vertical="center"/>
    </xf>
    <xf numFmtId="0" fontId="0" fillId="0" borderId="39" xfId="0" applyBorder="1" applyAlignment="1">
      <alignment horizontal="center" vertical="center"/>
    </xf>
    <xf numFmtId="0" fontId="0" fillId="0" borderId="66" xfId="0" applyBorder="1" applyAlignment="1">
      <alignment horizontal="center" vertical="center"/>
    </xf>
    <xf numFmtId="0" fontId="0" fillId="0" borderId="35" xfId="0" applyBorder="1" applyAlignment="1">
      <alignment horizontal="center" vertical="center"/>
    </xf>
    <xf numFmtId="0" fontId="0" fillId="0" borderId="36" xfId="0" applyFont="1" applyFill="1" applyBorder="1" applyAlignment="1">
      <alignment vertical="center"/>
    </xf>
    <xf numFmtId="0" fontId="0" fillId="0" borderId="36" xfId="0" applyBorder="1" applyAlignment="1">
      <alignment horizontal="center" vertical="center"/>
    </xf>
    <xf numFmtId="0" fontId="0" fillId="0" borderId="12" xfId="0" applyBorder="1" applyAlignment="1">
      <alignment horizontal="center" vertical="center"/>
    </xf>
    <xf numFmtId="0" fontId="0" fillId="0" borderId="13" xfId="0" applyBorder="1" applyAlignment="1">
      <alignment horizontal="center" vertical="center"/>
    </xf>
    <xf numFmtId="0" fontId="0" fillId="0" borderId="3" xfId="0" applyBorder="1" applyAlignment="1">
      <alignment horizontal="center" vertical="center"/>
    </xf>
    <xf numFmtId="0" fontId="0" fillId="0" borderId="4" xfId="0" applyBorder="1" applyAlignment="1">
      <alignment horizontal="center" vertical="center"/>
    </xf>
    <xf numFmtId="0" fontId="0" fillId="0" borderId="5" xfId="0" applyBorder="1" applyAlignment="1">
      <alignment horizontal="center" vertical="center"/>
    </xf>
    <xf numFmtId="0" fontId="0" fillId="0" borderId="15" xfId="0" applyFont="1" applyFill="1" applyBorder="1" applyAlignment="1">
      <alignment vertical="center"/>
    </xf>
    <xf numFmtId="0" fontId="0" fillId="0" borderId="27" xfId="0" applyFont="1" applyFill="1" applyBorder="1" applyAlignment="1">
      <alignment vertical="center"/>
    </xf>
    <xf numFmtId="0" fontId="0" fillId="0" borderId="1" xfId="0" applyFont="1" applyFill="1" applyBorder="1" applyAlignment="1">
      <alignment horizontal="left" vertical="center"/>
    </xf>
    <xf numFmtId="0" fontId="5" fillId="0" borderId="32" xfId="0" applyFont="1" applyFill="1" applyBorder="1" applyAlignment="1">
      <alignment horizontal="center" vertical="center"/>
    </xf>
    <xf numFmtId="0" fontId="5" fillId="0" borderId="9" xfId="0" applyFont="1" applyFill="1" applyBorder="1" applyAlignment="1">
      <alignment horizontal="center" vertical="center"/>
    </xf>
    <xf numFmtId="0" fontId="31" fillId="0" borderId="0" xfId="0" applyFont="1" applyFill="1" applyBorder="1" applyAlignment="1">
      <alignment horizontal="left" vertical="center"/>
    </xf>
    <xf numFmtId="0" fontId="11" fillId="0" borderId="39" xfId="0" applyFont="1" applyFill="1" applyBorder="1" applyAlignment="1">
      <alignment vertical="center"/>
    </xf>
    <xf numFmtId="0" fontId="11" fillId="0" borderId="40" xfId="0" applyFont="1" applyFill="1" applyBorder="1" applyAlignment="1">
      <alignment vertical="center"/>
    </xf>
    <xf numFmtId="0" fontId="5" fillId="0" borderId="28" xfId="0" applyFont="1" applyFill="1" applyBorder="1" applyAlignment="1">
      <alignment vertical="center" shrinkToFit="1"/>
    </xf>
    <xf numFmtId="0" fontId="5" fillId="0" borderId="29" xfId="0" applyFont="1" applyFill="1" applyBorder="1" applyAlignment="1">
      <alignment vertical="center" shrinkToFit="1"/>
    </xf>
    <xf numFmtId="0" fontId="5" fillId="0" borderId="30" xfId="0" applyFont="1" applyFill="1" applyBorder="1" applyAlignment="1">
      <alignment vertical="center" shrinkToFit="1"/>
    </xf>
    <xf numFmtId="0" fontId="5" fillId="0" borderId="0" xfId="0" applyFont="1" applyFill="1" applyBorder="1" applyAlignment="1">
      <alignment horizontal="left" vertical="center"/>
    </xf>
    <xf numFmtId="0" fontId="5" fillId="0" borderId="0" xfId="0" applyFont="1" applyFill="1" applyAlignment="1">
      <alignment horizontal="left" vertical="center"/>
    </xf>
    <xf numFmtId="0" fontId="5" fillId="0" borderId="0" xfId="0" applyFont="1" applyFill="1" applyAlignment="1">
      <alignment horizontal="center" vertical="center"/>
    </xf>
    <xf numFmtId="0" fontId="5" fillId="0" borderId="0" xfId="0" applyFont="1" applyFill="1" applyBorder="1" applyAlignment="1">
      <alignment horizontal="left" vertical="center" wrapText="1"/>
    </xf>
    <xf numFmtId="0" fontId="5" fillId="0" borderId="0" xfId="0" applyFont="1" applyFill="1" applyBorder="1" applyAlignment="1">
      <alignment horizontal="left" vertical="center"/>
    </xf>
    <xf numFmtId="0" fontId="5" fillId="0" borderId="48" xfId="0" applyFont="1" applyFill="1" applyBorder="1" applyAlignment="1">
      <alignment horizontal="left" vertical="center"/>
    </xf>
    <xf numFmtId="0" fontId="5" fillId="0" borderId="41" xfId="0" applyFont="1" applyFill="1" applyBorder="1" applyAlignment="1">
      <alignment horizontal="left" vertical="center"/>
    </xf>
    <xf numFmtId="0" fontId="5" fillId="0" borderId="8" xfId="0" applyFont="1" applyFill="1" applyBorder="1" applyAlignment="1">
      <alignment horizontal="center" vertical="center"/>
    </xf>
    <xf numFmtId="0" fontId="5" fillId="0" borderId="3" xfId="0" applyFont="1" applyFill="1" applyBorder="1" applyAlignment="1">
      <alignment horizontal="center" vertical="center"/>
    </xf>
    <xf numFmtId="0" fontId="5" fillId="0" borderId="1" xfId="0" applyFont="1" applyFill="1" applyBorder="1" applyAlignment="1">
      <alignment horizontal="center" vertical="center"/>
    </xf>
    <xf numFmtId="0" fontId="5" fillId="0" borderId="16"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5" xfId="0" applyFont="1" applyFill="1" applyBorder="1" applyAlignment="1">
      <alignment horizontal="left" vertical="center"/>
    </xf>
    <xf numFmtId="0" fontId="5" fillId="0" borderId="39" xfId="0" applyFont="1" applyFill="1" applyBorder="1" applyAlignment="1">
      <alignment horizontal="left" vertical="center"/>
    </xf>
    <xf numFmtId="0" fontId="0" fillId="0" borderId="44" xfId="0" applyBorder="1" applyAlignment="1">
      <alignment horizontal="center" vertical="center"/>
    </xf>
    <xf numFmtId="0" fontId="0" fillId="0" borderId="47" xfId="0" applyBorder="1" applyAlignment="1">
      <alignment horizontal="center" vertical="center"/>
    </xf>
    <xf numFmtId="0" fontId="0" fillId="0" borderId="41" xfId="0" applyBorder="1" applyAlignment="1">
      <alignment horizontal="center" vertical="center"/>
    </xf>
    <xf numFmtId="0" fontId="0" fillId="0" borderId="48" xfId="0" applyBorder="1" applyAlignment="1">
      <alignment horizontal="center" vertical="center"/>
    </xf>
    <xf numFmtId="0" fontId="5" fillId="0" borderId="25" xfId="0" applyFont="1" applyFill="1" applyBorder="1" applyAlignment="1">
      <alignment vertical="center" wrapText="1"/>
    </xf>
    <xf numFmtId="0" fontId="5" fillId="0" borderId="33" xfId="0" applyFont="1" applyFill="1" applyBorder="1" applyAlignment="1">
      <alignment vertical="center" wrapText="1"/>
    </xf>
    <xf numFmtId="0" fontId="5" fillId="0" borderId="31" xfId="0" applyFont="1" applyFill="1" applyBorder="1" applyAlignment="1">
      <alignment vertical="center" wrapText="1"/>
    </xf>
    <xf numFmtId="0" fontId="5" fillId="0" borderId="29" xfId="0" applyFont="1" applyFill="1" applyBorder="1" applyAlignment="1">
      <alignment horizontal="left" vertical="center"/>
    </xf>
    <xf numFmtId="0" fontId="0" fillId="0" borderId="17" xfId="0" applyBorder="1" applyAlignment="1">
      <alignment horizontal="center" vertical="center"/>
    </xf>
    <xf numFmtId="0" fontId="0" fillId="0" borderId="0" xfId="0" applyBorder="1" applyAlignment="1">
      <alignment horizontal="center" vertical="center"/>
    </xf>
    <xf numFmtId="0" fontId="5" fillId="0" borderId="29" xfId="0" applyFont="1" applyFill="1" applyBorder="1" applyAlignment="1">
      <alignment horizontal="left" vertical="center" wrapText="1"/>
    </xf>
    <xf numFmtId="0" fontId="5" fillId="0" borderId="0" xfId="0" applyFont="1" applyFill="1" applyAlignment="1">
      <alignment horizontal="left" vertical="center"/>
    </xf>
    <xf numFmtId="0" fontId="5" fillId="0" borderId="65" xfId="0" applyFont="1" applyFill="1" applyBorder="1" applyAlignment="1">
      <alignment horizontal="left" vertical="center" shrinkToFit="1"/>
    </xf>
    <xf numFmtId="0" fontId="5" fillId="0" borderId="16" xfId="0" applyFont="1" applyFill="1" applyBorder="1" applyAlignment="1">
      <alignment horizontal="left" vertical="center" wrapText="1"/>
    </xf>
    <xf numFmtId="0" fontId="5" fillId="0" borderId="36" xfId="0" applyFont="1" applyFill="1" applyBorder="1" applyAlignment="1">
      <alignment horizontal="left" vertical="center" wrapText="1"/>
    </xf>
    <xf numFmtId="0" fontId="5" fillId="0" borderId="3" xfId="0" applyFont="1" applyFill="1" applyBorder="1" applyAlignment="1">
      <alignment horizontal="left" vertical="center" wrapText="1"/>
    </xf>
    <xf numFmtId="0" fontId="5" fillId="0" borderId="4" xfId="0" applyFont="1" applyFill="1" applyBorder="1" applyAlignment="1">
      <alignment horizontal="left" vertical="center" wrapText="1"/>
    </xf>
    <xf numFmtId="0" fontId="5" fillId="0" borderId="0" xfId="0" applyFont="1" applyFill="1" applyAlignment="1">
      <alignment horizontal="center" vertical="center"/>
    </xf>
    <xf numFmtId="0" fontId="5" fillId="0" borderId="17" xfId="0" applyFont="1" applyFill="1" applyBorder="1" applyAlignment="1">
      <alignment horizontal="left" vertical="center" wrapText="1"/>
    </xf>
    <xf numFmtId="0" fontId="5" fillId="0" borderId="36" xfId="0" applyFont="1" applyFill="1" applyBorder="1" applyAlignment="1">
      <alignment horizontal="left" vertical="center"/>
    </xf>
    <xf numFmtId="0" fontId="5" fillId="0" borderId="37" xfId="0" applyFont="1" applyFill="1" applyBorder="1" applyAlignment="1">
      <alignment horizontal="left" vertical="center"/>
    </xf>
    <xf numFmtId="0" fontId="5" fillId="0" borderId="13" xfId="0" applyFont="1" applyFill="1" applyBorder="1" applyAlignment="1">
      <alignment horizontal="left" vertical="center"/>
    </xf>
    <xf numFmtId="0" fontId="33" fillId="0" borderId="12" xfId="0" applyFont="1" applyFill="1" applyBorder="1" applyAlignment="1">
      <alignment horizontal="center" vertical="center"/>
    </xf>
    <xf numFmtId="0" fontId="32" fillId="0" borderId="13" xfId="0" applyFont="1" applyFill="1" applyBorder="1" applyAlignment="1">
      <alignment vertical="center"/>
    </xf>
    <xf numFmtId="0" fontId="33" fillId="0" borderId="13" xfId="0" applyFont="1" applyFill="1" applyBorder="1" applyAlignment="1">
      <alignment horizontal="center" vertical="center"/>
    </xf>
    <xf numFmtId="0" fontId="32" fillId="0" borderId="13" xfId="0" applyFont="1" applyFill="1" applyBorder="1" applyAlignment="1">
      <alignment horizontal="left" vertical="center"/>
    </xf>
    <xf numFmtId="0" fontId="32" fillId="0" borderId="14" xfId="0" applyFont="1" applyFill="1" applyBorder="1" applyAlignment="1">
      <alignment horizontal="left" vertical="center"/>
    </xf>
    <xf numFmtId="0" fontId="33" fillId="0" borderId="13" xfId="0" applyFont="1" applyFill="1" applyBorder="1" applyAlignment="1">
      <alignment horizontal="left" vertical="center"/>
    </xf>
    <xf numFmtId="0" fontId="32" fillId="0" borderId="30" xfId="0" applyFont="1" applyFill="1" applyBorder="1" applyAlignment="1">
      <alignment horizontal="left" vertical="center"/>
    </xf>
    <xf numFmtId="0" fontId="33" fillId="0" borderId="5" xfId="0" applyFont="1" applyFill="1" applyBorder="1" applyAlignment="1">
      <alignment horizontal="center" vertical="center"/>
    </xf>
    <xf numFmtId="0" fontId="33" fillId="0" borderId="0" xfId="0" applyFont="1" applyFill="1" applyBorder="1" applyAlignment="1">
      <alignment horizontal="center" vertical="center"/>
    </xf>
    <xf numFmtId="0" fontId="32" fillId="0" borderId="41" xfId="0" applyFont="1" applyFill="1" applyBorder="1" applyAlignment="1">
      <alignment vertical="center"/>
    </xf>
    <xf numFmtId="0" fontId="33" fillId="0" borderId="41" xfId="0" applyFont="1" applyFill="1" applyBorder="1" applyAlignment="1">
      <alignment horizontal="left" vertical="center"/>
    </xf>
    <xf numFmtId="0" fontId="32" fillId="0" borderId="41" xfId="0" applyFont="1" applyFill="1" applyBorder="1" applyAlignment="1">
      <alignment horizontal="left" vertical="center"/>
    </xf>
    <xf numFmtId="0" fontId="32" fillId="0" borderId="42" xfId="0" applyFont="1" applyFill="1" applyBorder="1" applyAlignment="1">
      <alignment horizontal="left" vertical="center"/>
    </xf>
    <xf numFmtId="0" fontId="33" fillId="0" borderId="16" xfId="0" applyFont="1" applyFill="1" applyBorder="1" applyAlignment="1">
      <alignment horizontal="center" vertical="center"/>
    </xf>
    <xf numFmtId="0" fontId="32" fillId="0" borderId="17" xfId="0" applyFont="1" applyFill="1" applyBorder="1" applyAlignment="1">
      <alignment vertical="top"/>
    </xf>
    <xf numFmtId="0" fontId="5" fillId="0" borderId="31" xfId="0" applyFont="1" applyFill="1" applyBorder="1" applyAlignment="1">
      <alignment vertical="center" wrapText="1"/>
    </xf>
    <xf numFmtId="0" fontId="5" fillId="0" borderId="1" xfId="0" applyFont="1" applyFill="1" applyBorder="1" applyAlignment="1">
      <alignment horizontal="center" vertical="center"/>
    </xf>
    <xf numFmtId="0" fontId="5" fillId="0" borderId="15" xfId="0" applyFont="1" applyFill="1" applyBorder="1" applyAlignment="1">
      <alignment horizontal="center" vertical="center"/>
    </xf>
    <xf numFmtId="0" fontId="0" fillId="0" borderId="44" xfId="0" applyBorder="1" applyAlignment="1">
      <alignment horizontal="center" vertical="center"/>
    </xf>
    <xf numFmtId="0" fontId="0" fillId="0" borderId="17" xfId="0" applyBorder="1" applyAlignment="1">
      <alignment horizontal="center" vertical="center"/>
    </xf>
    <xf numFmtId="0" fontId="0" fillId="0" borderId="41" xfId="0" applyBorder="1" applyAlignment="1">
      <alignment horizontal="center" vertical="center"/>
    </xf>
    <xf numFmtId="0" fontId="0" fillId="0" borderId="0" xfId="0" applyBorder="1" applyAlignment="1">
      <alignment horizontal="center" vertical="center"/>
    </xf>
    <xf numFmtId="0" fontId="5" fillId="0" borderId="65" xfId="0" applyFont="1" applyFill="1" applyBorder="1" applyAlignment="1">
      <alignment horizontal="left" vertical="center" shrinkToFit="1"/>
    </xf>
    <xf numFmtId="0" fontId="0" fillId="0" borderId="1" xfId="0" applyFont="1" applyFill="1" applyBorder="1" applyAlignment="1">
      <alignment vertical="center" wrapText="1"/>
    </xf>
    <xf numFmtId="0" fontId="0" fillId="0" borderId="27" xfId="0" applyFont="1" applyFill="1" applyBorder="1" applyAlignment="1">
      <alignment vertical="center" wrapText="1"/>
    </xf>
    <xf numFmtId="0" fontId="0" fillId="0" borderId="15" xfId="0" applyFont="1" applyFill="1" applyBorder="1" applyAlignment="1">
      <alignment vertical="center" wrapText="1"/>
    </xf>
    <xf numFmtId="0" fontId="5" fillId="0" borderId="41" xfId="0" applyFont="1" applyFill="1" applyBorder="1" applyAlignment="1">
      <alignment horizontal="left" vertical="center"/>
    </xf>
    <xf numFmtId="0" fontId="5" fillId="0" borderId="48" xfId="0" applyFont="1" applyFill="1" applyBorder="1" applyAlignment="1">
      <alignment horizontal="left" vertical="center"/>
    </xf>
    <xf numFmtId="0" fontId="5" fillId="0" borderId="41" xfId="0" applyFont="1" applyFill="1" applyBorder="1" applyAlignment="1">
      <alignment horizontal="center" vertical="center" wrapText="1"/>
    </xf>
    <xf numFmtId="0" fontId="5" fillId="0" borderId="48" xfId="0" applyFont="1" applyFill="1" applyBorder="1" applyAlignment="1">
      <alignment horizontal="center" vertical="center" wrapText="1"/>
    </xf>
    <xf numFmtId="0" fontId="5" fillId="0" borderId="44" xfId="0" applyFont="1" applyFill="1" applyBorder="1" applyAlignment="1">
      <alignment horizontal="center" vertical="center" wrapText="1"/>
    </xf>
    <xf numFmtId="0" fontId="5" fillId="0" borderId="47" xfId="0" applyFont="1" applyFill="1" applyBorder="1" applyAlignment="1">
      <alignment horizontal="center" vertical="center" wrapText="1"/>
    </xf>
    <xf numFmtId="0" fontId="5" fillId="0" borderId="65" xfId="0" applyFont="1" applyFill="1" applyBorder="1" applyAlignment="1">
      <alignment horizontal="left" vertical="center" wrapText="1"/>
    </xf>
    <xf numFmtId="0" fontId="5" fillId="0" borderId="34" xfId="0" applyFont="1" applyFill="1" applyBorder="1" applyAlignment="1">
      <alignment horizontal="left" vertical="center" wrapText="1"/>
    </xf>
    <xf numFmtId="0" fontId="5" fillId="0" borderId="3" xfId="0" applyFont="1" applyFill="1" applyBorder="1" applyAlignment="1">
      <alignment horizontal="center" vertical="center"/>
    </xf>
    <xf numFmtId="0" fontId="5" fillId="0" borderId="4" xfId="0" applyFont="1" applyFill="1" applyBorder="1" applyAlignment="1">
      <alignment horizontal="center" vertical="center"/>
    </xf>
    <xf numFmtId="0" fontId="5" fillId="0" borderId="1" xfId="0" applyFont="1" applyFill="1" applyBorder="1" applyAlignment="1">
      <alignment horizontal="center" vertical="center"/>
    </xf>
    <xf numFmtId="0" fontId="5" fillId="0" borderId="16" xfId="0" applyFont="1" applyFill="1" applyBorder="1" applyAlignment="1">
      <alignment horizontal="center" vertical="center"/>
    </xf>
    <xf numFmtId="0" fontId="5" fillId="0" borderId="5"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25" xfId="0" applyFont="1" applyFill="1" applyBorder="1" applyAlignment="1">
      <alignment horizontal="left" vertical="center"/>
    </xf>
    <xf numFmtId="0" fontId="5" fillId="0" borderId="31" xfId="0" applyFont="1" applyFill="1" applyBorder="1" applyAlignment="1">
      <alignment horizontal="left" vertical="center"/>
    </xf>
    <xf numFmtId="0" fontId="5" fillId="0" borderId="59" xfId="0" applyFont="1" applyFill="1" applyBorder="1" applyAlignment="1">
      <alignment horizontal="center" vertical="center"/>
    </xf>
    <xf numFmtId="0" fontId="5" fillId="0" borderId="61" xfId="0" applyFont="1" applyFill="1" applyBorder="1" applyAlignment="1">
      <alignment horizontal="center" vertical="center"/>
    </xf>
    <xf numFmtId="0" fontId="5" fillId="0" borderId="60" xfId="0" applyFont="1" applyFill="1" applyBorder="1" applyAlignment="1">
      <alignment horizontal="center" vertical="center"/>
    </xf>
    <xf numFmtId="0" fontId="5" fillId="0" borderId="62" xfId="0" applyFont="1" applyFill="1" applyBorder="1" applyAlignment="1">
      <alignment horizontal="center" vertical="center"/>
    </xf>
    <xf numFmtId="0" fontId="5" fillId="0" borderId="63" xfId="0" applyFont="1" applyFill="1" applyBorder="1" applyAlignment="1">
      <alignment horizontal="center" vertical="center"/>
    </xf>
    <xf numFmtId="0" fontId="5" fillId="0" borderId="64" xfId="0" applyFont="1" applyFill="1" applyBorder="1" applyAlignment="1">
      <alignment horizontal="center" vertical="center"/>
    </xf>
    <xf numFmtId="0" fontId="10" fillId="0" borderId="0" xfId="0" applyFont="1" applyFill="1" applyBorder="1" applyAlignment="1">
      <alignment horizontal="center" vertical="center"/>
    </xf>
    <xf numFmtId="0" fontId="5" fillId="0" borderId="6" xfId="0" applyFont="1" applyFill="1" applyBorder="1" applyAlignment="1">
      <alignment horizontal="center" vertical="center"/>
    </xf>
    <xf numFmtId="0" fontId="5" fillId="0" borderId="7" xfId="0" applyFont="1" applyFill="1" applyBorder="1" applyAlignment="1">
      <alignment horizontal="center" vertical="center"/>
    </xf>
    <xf numFmtId="0" fontId="5" fillId="0" borderId="8"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5" fillId="0" borderId="65" xfId="0" applyFont="1" applyFill="1" applyBorder="1" applyAlignment="1">
      <alignment horizontal="left" vertical="center" shrinkToFit="1"/>
    </xf>
    <xf numFmtId="0" fontId="5" fillId="0" borderId="33" xfId="0" applyFont="1" applyFill="1" applyBorder="1" applyAlignment="1">
      <alignment horizontal="left" vertical="center" shrinkToFit="1"/>
    </xf>
    <xf numFmtId="0" fontId="5" fillId="0" borderId="34" xfId="0" applyFont="1" applyFill="1" applyBorder="1" applyAlignment="1">
      <alignment horizontal="left" vertical="center" shrinkToFit="1"/>
    </xf>
    <xf numFmtId="0" fontId="5" fillId="0" borderId="33" xfId="0" applyFont="1" applyFill="1" applyBorder="1" applyAlignment="1">
      <alignment horizontal="left" vertical="center" wrapText="1"/>
    </xf>
    <xf numFmtId="0" fontId="0" fillId="0" borderId="44" xfId="0" applyBorder="1" applyAlignment="1">
      <alignment horizontal="center" vertical="center"/>
    </xf>
    <xf numFmtId="0" fontId="0" fillId="0" borderId="17" xfId="0" applyBorder="1" applyAlignment="1">
      <alignment horizontal="center" vertical="center"/>
    </xf>
    <xf numFmtId="0" fontId="0" fillId="0" borderId="47" xfId="0" applyBorder="1" applyAlignment="1">
      <alignment horizontal="center" vertical="center"/>
    </xf>
    <xf numFmtId="0" fontId="5" fillId="0" borderId="0" xfId="0" applyFont="1" applyFill="1" applyBorder="1" applyAlignment="1">
      <alignment horizontal="left" vertical="center"/>
    </xf>
    <xf numFmtId="0" fontId="0" fillId="0" borderId="41" xfId="0" applyBorder="1" applyAlignment="1">
      <alignment horizontal="center" vertical="center"/>
    </xf>
    <xf numFmtId="0" fontId="0" fillId="0" borderId="0" xfId="0" applyBorder="1" applyAlignment="1">
      <alignment horizontal="center" vertical="center"/>
    </xf>
    <xf numFmtId="0" fontId="0" fillId="0" borderId="48" xfId="0" applyBorder="1" applyAlignment="1">
      <alignment horizontal="center" vertical="center"/>
    </xf>
    <xf numFmtId="0" fontId="5" fillId="0" borderId="65" xfId="0" applyFont="1" applyFill="1" applyBorder="1" applyAlignment="1">
      <alignment horizontal="left" vertical="center" wrapText="1" shrinkToFit="1"/>
    </xf>
    <xf numFmtId="0" fontId="5" fillId="0" borderId="34" xfId="0" applyFont="1" applyFill="1" applyBorder="1" applyAlignment="1">
      <alignment horizontal="left" vertical="center" wrapText="1" shrinkToFit="1"/>
    </xf>
    <xf numFmtId="0" fontId="5" fillId="0" borderId="65" xfId="0" applyFont="1" applyFill="1" applyBorder="1" applyAlignment="1">
      <alignment vertical="center" wrapText="1"/>
    </xf>
    <xf numFmtId="0" fontId="5" fillId="0" borderId="34" xfId="0" applyFont="1" applyFill="1" applyBorder="1" applyAlignment="1">
      <alignment vertical="center" wrapText="1"/>
    </xf>
    <xf numFmtId="0" fontId="5" fillId="0" borderId="65" xfId="0" applyFont="1" applyFill="1" applyBorder="1" applyAlignment="1">
      <alignment vertical="center" wrapText="1" shrinkToFit="1"/>
    </xf>
    <xf numFmtId="0" fontId="5" fillId="0" borderId="31" xfId="0" applyFont="1" applyFill="1" applyBorder="1" applyAlignment="1">
      <alignment vertical="center" wrapText="1" shrinkToFit="1"/>
    </xf>
    <xf numFmtId="0" fontId="5" fillId="0" borderId="5" xfId="0" applyFont="1" applyFill="1" applyBorder="1" applyAlignment="1">
      <alignment horizontal="center" vertical="center" wrapText="1"/>
    </xf>
    <xf numFmtId="0" fontId="5" fillId="0" borderId="5" xfId="0" applyFont="1" applyFill="1" applyBorder="1" applyAlignment="1">
      <alignment horizontal="left" vertical="center"/>
    </xf>
    <xf numFmtId="0" fontId="5" fillId="0" borderId="31" xfId="0" applyFont="1" applyFill="1" applyBorder="1" applyAlignment="1">
      <alignment vertical="center" wrapText="1"/>
    </xf>
    <xf numFmtId="0" fontId="5" fillId="0" borderId="0" xfId="0" applyFont="1" applyFill="1" applyAlignment="1">
      <alignment vertical="center" wrapText="1"/>
    </xf>
    <xf numFmtId="0" fontId="5" fillId="0" borderId="0" xfId="0" applyFont="1" applyFill="1" applyAlignment="1">
      <alignment horizontal="left" vertical="center" wrapText="1"/>
    </xf>
    <xf numFmtId="0" fontId="5" fillId="0" borderId="6" xfId="0" applyFont="1" applyBorder="1" applyAlignment="1">
      <alignment horizontal="center" vertical="center" wrapText="1"/>
    </xf>
    <xf numFmtId="0" fontId="5" fillId="0" borderId="7" xfId="0" applyFont="1" applyBorder="1" applyAlignment="1">
      <alignment horizontal="center" vertical="center" wrapText="1"/>
    </xf>
    <xf numFmtId="0" fontId="5" fillId="0" borderId="8" xfId="0" applyFont="1" applyBorder="1" applyAlignment="1">
      <alignment horizontal="center" vertical="center" wrapText="1"/>
    </xf>
    <xf numFmtId="0" fontId="5" fillId="0" borderId="2" xfId="0" applyFont="1" applyBorder="1" applyAlignment="1">
      <alignment horizontal="left" wrapText="1"/>
    </xf>
    <xf numFmtId="0" fontId="5" fillId="0" borderId="2" xfId="0" applyFont="1" applyBorder="1" applyAlignment="1">
      <alignment horizontal="left" shrinkToFit="1"/>
    </xf>
    <xf numFmtId="0" fontId="5" fillId="0" borderId="6" xfId="0" applyFont="1" applyBorder="1" applyAlignment="1">
      <alignment horizontal="left"/>
    </xf>
    <xf numFmtId="0" fontId="5" fillId="0" borderId="7" xfId="0" applyFont="1" applyBorder="1" applyAlignment="1">
      <alignment horizontal="left"/>
    </xf>
    <xf numFmtId="0" fontId="5" fillId="0" borderId="25" xfId="0" applyFont="1" applyBorder="1" applyAlignment="1">
      <alignment horizontal="center" vertical="center" textRotation="255" wrapText="1"/>
    </xf>
    <xf numFmtId="0" fontId="5" fillId="0" borderId="33" xfId="0" applyFont="1" applyBorder="1" applyAlignment="1">
      <alignment horizontal="center" vertical="center" textRotation="255" wrapText="1"/>
    </xf>
    <xf numFmtId="0" fontId="5" fillId="0" borderId="31" xfId="0" applyFont="1" applyBorder="1" applyAlignment="1">
      <alignment horizontal="center" vertical="center" textRotation="255" wrapText="1"/>
    </xf>
    <xf numFmtId="0" fontId="5" fillId="0" borderId="6" xfId="0" applyFont="1" applyBorder="1" applyAlignment="1">
      <alignment horizontal="center" wrapText="1"/>
    </xf>
    <xf numFmtId="0" fontId="5" fillId="0" borderId="7" xfId="0" applyFont="1" applyBorder="1" applyAlignment="1">
      <alignment horizontal="center" wrapText="1"/>
    </xf>
    <xf numFmtId="0" fontId="5" fillId="0" borderId="8" xfId="0" applyFont="1" applyBorder="1" applyAlignment="1">
      <alignment horizontal="center" wrapText="1"/>
    </xf>
    <xf numFmtId="0" fontId="5" fillId="0" borderId="5" xfId="0" applyFont="1" applyBorder="1" applyAlignment="1">
      <alignment horizontal="center" wrapText="1"/>
    </xf>
    <xf numFmtId="0" fontId="5" fillId="0" borderId="15" xfId="0" applyFont="1" applyBorder="1" applyAlignment="1">
      <alignment horizontal="center" wrapText="1"/>
    </xf>
    <xf numFmtId="0" fontId="5" fillId="0" borderId="3" xfId="0" applyFont="1" applyBorder="1" applyAlignment="1">
      <alignment horizontal="center" wrapText="1"/>
    </xf>
    <xf numFmtId="0" fontId="5" fillId="0" borderId="4" xfId="0" applyFont="1" applyBorder="1" applyAlignment="1">
      <alignment horizontal="center" wrapText="1"/>
    </xf>
    <xf numFmtId="0" fontId="5" fillId="0" borderId="1" xfId="0" applyFont="1" applyBorder="1" applyAlignment="1">
      <alignment horizontal="center" wrapText="1"/>
    </xf>
    <xf numFmtId="0" fontId="5" fillId="0" borderId="17" xfId="0" applyFont="1" applyBorder="1" applyAlignment="1">
      <alignment horizontal="center" wrapText="1"/>
    </xf>
    <xf numFmtId="0" fontId="5" fillId="0" borderId="0" xfId="0" applyFont="1" applyBorder="1" applyAlignment="1">
      <alignment horizontal="center" wrapText="1"/>
    </xf>
    <xf numFmtId="0" fontId="5" fillId="0" borderId="27" xfId="0" applyFont="1" applyBorder="1" applyAlignment="1">
      <alignment horizontal="center" wrapText="1"/>
    </xf>
    <xf numFmtId="0" fontId="5" fillId="0" borderId="16" xfId="0" applyFont="1" applyBorder="1" applyAlignment="1">
      <alignment horizontal="center" wrapText="1"/>
    </xf>
    <xf numFmtId="0" fontId="5" fillId="0" borderId="7" xfId="0" applyFont="1" applyBorder="1" applyAlignment="1">
      <alignment horizontal="left" vertical="top"/>
    </xf>
    <xf numFmtId="0" fontId="0" fillId="0" borderId="7" xfId="0" applyFont="1" applyBorder="1" applyAlignment="1">
      <alignment horizontal="left" vertical="top"/>
    </xf>
    <xf numFmtId="0" fontId="0" fillId="0" borderId="32" xfId="0" applyFont="1" applyBorder="1" applyAlignment="1">
      <alignment horizontal="left" vertical="top"/>
    </xf>
    <xf numFmtId="0" fontId="5" fillId="0" borderId="2" xfId="0" applyFont="1" applyBorder="1" applyAlignment="1">
      <alignment horizontal="left" vertical="center"/>
    </xf>
    <xf numFmtId="0" fontId="5" fillId="0" borderId="6" xfId="0" applyFont="1" applyBorder="1" applyAlignment="1">
      <alignment horizontal="left" vertical="center"/>
    </xf>
    <xf numFmtId="0" fontId="5" fillId="0" borderId="25" xfId="0" applyFont="1" applyBorder="1" applyAlignment="1">
      <alignment horizontal="center" vertical="center" textRotation="255" shrinkToFit="1"/>
    </xf>
    <xf numFmtId="0" fontId="5" fillId="0" borderId="33" xfId="0" applyFont="1" applyBorder="1" applyAlignment="1">
      <alignment horizontal="center" vertical="center" textRotation="255" shrinkToFit="1"/>
    </xf>
    <xf numFmtId="0" fontId="5" fillId="0" borderId="31" xfId="0" applyFont="1" applyBorder="1" applyAlignment="1">
      <alignment horizontal="center" vertical="center" textRotation="255" shrinkToFit="1"/>
    </xf>
    <xf numFmtId="0" fontId="5" fillId="0" borderId="3" xfId="0" applyFont="1" applyBorder="1" applyAlignment="1">
      <alignment horizontal="left" vertical="top" wrapText="1"/>
    </xf>
    <xf numFmtId="0" fontId="5" fillId="0" borderId="4" xfId="0" applyFont="1" applyBorder="1" applyAlignment="1">
      <alignment horizontal="left" vertical="top" wrapText="1"/>
    </xf>
    <xf numFmtId="0" fontId="5" fillId="0" borderId="17" xfId="0" applyFont="1" applyBorder="1" applyAlignment="1">
      <alignment horizontal="left" vertical="top" wrapText="1"/>
    </xf>
    <xf numFmtId="0" fontId="5" fillId="0" borderId="0" xfId="0" applyFont="1" applyBorder="1" applyAlignment="1">
      <alignment horizontal="left" vertical="top" wrapText="1"/>
    </xf>
    <xf numFmtId="0" fontId="5" fillId="0" borderId="23" xfId="0" applyFont="1" applyBorder="1" applyAlignment="1">
      <alignment horizontal="left" vertical="top"/>
    </xf>
    <xf numFmtId="0" fontId="5" fillId="0" borderId="46" xfId="0" applyFont="1" applyBorder="1" applyAlignment="1">
      <alignment horizontal="left" vertical="top"/>
    </xf>
    <xf numFmtId="0" fontId="5" fillId="0" borderId="3" xfId="0" applyFont="1" applyBorder="1" applyAlignment="1">
      <alignment horizontal="center" shrinkToFit="1"/>
    </xf>
    <xf numFmtId="0" fontId="5" fillId="0" borderId="4" xfId="0" applyFont="1" applyBorder="1" applyAlignment="1">
      <alignment horizontal="center" shrinkToFit="1"/>
    </xf>
    <xf numFmtId="0" fontId="5" fillId="0" borderId="1" xfId="0" applyFont="1" applyBorder="1" applyAlignment="1">
      <alignment horizontal="center" shrinkToFit="1"/>
    </xf>
    <xf numFmtId="0" fontId="5" fillId="0" borderId="16" xfId="0" applyFont="1" applyBorder="1" applyAlignment="1">
      <alignment horizontal="center"/>
    </xf>
    <xf numFmtId="0" fontId="5" fillId="0" borderId="5" xfId="0" applyFont="1" applyBorder="1" applyAlignment="1">
      <alignment horizontal="center"/>
    </xf>
    <xf numFmtId="0" fontId="5" fillId="0" borderId="15" xfId="0" applyFont="1" applyBorder="1" applyAlignment="1">
      <alignment horizontal="center"/>
    </xf>
    <xf numFmtId="0" fontId="5" fillId="0" borderId="16" xfId="0" applyFont="1" applyBorder="1" applyAlignment="1">
      <alignment horizontal="center" shrinkToFit="1"/>
    </xf>
    <xf numFmtId="0" fontId="5" fillId="0" borderId="5" xfId="0" applyFont="1" applyBorder="1" applyAlignment="1">
      <alignment horizontal="center" shrinkToFit="1"/>
    </xf>
    <xf numFmtId="0" fontId="5" fillId="0" borderId="15" xfId="0" applyFont="1" applyBorder="1" applyAlignment="1">
      <alignment horizontal="center" shrinkToFit="1"/>
    </xf>
    <xf numFmtId="0" fontId="5" fillId="0" borderId="32" xfId="0" applyFont="1" applyBorder="1" applyAlignment="1">
      <alignment horizontal="left" vertical="top"/>
    </xf>
    <xf numFmtId="0" fontId="5" fillId="0" borderId="4" xfId="0" applyFont="1" applyBorder="1" applyAlignment="1">
      <alignment horizontal="left" vertical="top"/>
    </xf>
    <xf numFmtId="0" fontId="0" fillId="0" borderId="4" xfId="0" applyFont="1" applyBorder="1" applyAlignment="1">
      <alignment horizontal="left" vertical="top"/>
    </xf>
    <xf numFmtId="0" fontId="0" fillId="0" borderId="43" xfId="0" applyFont="1" applyBorder="1" applyAlignment="1">
      <alignment horizontal="left" vertical="top"/>
    </xf>
    <xf numFmtId="0" fontId="5" fillId="0" borderId="20" xfId="0" applyFont="1" applyBorder="1" applyAlignment="1">
      <alignment horizontal="center" wrapText="1"/>
    </xf>
    <xf numFmtId="0" fontId="5" fillId="0" borderId="45" xfId="0" applyFont="1" applyBorder="1" applyAlignment="1">
      <alignment horizontal="center" wrapText="1"/>
    </xf>
    <xf numFmtId="0" fontId="5" fillId="0" borderId="3" xfId="0" applyFont="1" applyBorder="1" applyAlignment="1">
      <alignment horizontal="center" vertical="center"/>
    </xf>
    <xf numFmtId="0" fontId="5" fillId="0" borderId="4" xfId="0" applyFont="1" applyBorder="1" applyAlignment="1">
      <alignment horizontal="center" vertical="center"/>
    </xf>
    <xf numFmtId="0" fontId="5" fillId="0" borderId="1" xfId="0" applyFont="1" applyBorder="1" applyAlignment="1">
      <alignment horizontal="center" vertical="center"/>
    </xf>
    <xf numFmtId="0" fontId="5" fillId="0" borderId="16" xfId="0" applyFont="1" applyBorder="1" applyAlignment="1">
      <alignment horizontal="center" vertical="center"/>
    </xf>
    <xf numFmtId="0" fontId="5" fillId="0" borderId="5" xfId="0" applyFont="1" applyBorder="1" applyAlignment="1">
      <alignment horizontal="center" vertical="center"/>
    </xf>
    <xf numFmtId="0" fontId="5" fillId="0" borderId="15" xfId="0" applyFont="1" applyBorder="1" applyAlignment="1">
      <alignment horizontal="center" vertical="center"/>
    </xf>
    <xf numFmtId="0" fontId="5" fillId="0" borderId="3" xfId="0" applyFont="1" applyBorder="1" applyAlignment="1">
      <alignment horizontal="left"/>
    </xf>
    <xf numFmtId="0" fontId="5" fillId="0" borderId="4" xfId="0" applyFont="1" applyBorder="1" applyAlignment="1">
      <alignment horizontal="left"/>
    </xf>
    <xf numFmtId="0" fontId="5" fillId="0" borderId="1" xfId="0" applyFont="1" applyBorder="1" applyAlignment="1">
      <alignment horizontal="left"/>
    </xf>
    <xf numFmtId="0" fontId="5" fillId="0" borderId="3" xfId="0" applyFont="1" applyBorder="1" applyAlignment="1">
      <alignment horizontal="center"/>
    </xf>
    <xf numFmtId="0" fontId="5" fillId="0" borderId="4" xfId="0" applyFont="1" applyBorder="1" applyAlignment="1">
      <alignment horizontal="center"/>
    </xf>
    <xf numFmtId="0" fontId="5" fillId="0" borderId="1" xfId="0" applyFont="1" applyBorder="1" applyAlignment="1">
      <alignment horizontal="center"/>
    </xf>
    <xf numFmtId="0" fontId="5" fillId="0" borderId="2" xfId="0" applyFont="1" applyBorder="1" applyAlignment="1">
      <alignment horizontal="left" vertical="center" wrapText="1"/>
    </xf>
    <xf numFmtId="0" fontId="5" fillId="0" borderId="2" xfId="0" applyFont="1" applyBorder="1" applyAlignment="1">
      <alignment horizontal="center" wrapText="1"/>
    </xf>
    <xf numFmtId="0" fontId="5" fillId="0" borderId="3" xfId="0" applyFont="1" applyBorder="1" applyAlignment="1">
      <alignment horizontal="justify" vertical="center" wrapText="1"/>
    </xf>
    <xf numFmtId="0" fontId="5" fillId="0" borderId="4" xfId="0" applyFont="1" applyBorder="1" applyAlignment="1">
      <alignment horizontal="justify" vertical="center" wrapText="1"/>
    </xf>
    <xf numFmtId="0" fontId="5" fillId="0" borderId="1" xfId="0" applyFont="1" applyBorder="1" applyAlignment="1">
      <alignment horizontal="justify" vertical="center" wrapText="1"/>
    </xf>
    <xf numFmtId="0" fontId="5" fillId="0" borderId="17" xfId="0" applyFont="1" applyBorder="1" applyAlignment="1">
      <alignment horizontal="justify" vertical="center" wrapText="1"/>
    </xf>
    <xf numFmtId="0" fontId="5" fillId="0" borderId="0" xfId="0" applyFont="1" applyBorder="1" applyAlignment="1">
      <alignment horizontal="justify" vertical="center" wrapText="1"/>
    </xf>
    <xf numFmtId="0" fontId="5" fillId="0" borderId="27" xfId="0" applyFont="1" applyBorder="1" applyAlignment="1">
      <alignment horizontal="justify" vertical="center" wrapText="1"/>
    </xf>
    <xf numFmtId="0" fontId="5" fillId="0" borderId="12" xfId="0" applyFont="1" applyBorder="1" applyAlignment="1">
      <alignment horizontal="justify" vertical="center" wrapText="1"/>
    </xf>
    <xf numFmtId="0" fontId="5" fillId="0" borderId="13" xfId="0" applyFont="1" applyBorder="1" applyAlignment="1">
      <alignment horizontal="justify" vertical="center" wrapText="1"/>
    </xf>
    <xf numFmtId="0" fontId="5" fillId="0" borderId="41" xfId="0" applyFont="1" applyBorder="1" applyAlignment="1">
      <alignment horizontal="justify" vertical="center" wrapText="1"/>
    </xf>
    <xf numFmtId="0" fontId="5" fillId="0" borderId="42" xfId="0" applyFont="1" applyBorder="1" applyAlignment="1">
      <alignment horizontal="justify" vertical="center" wrapText="1"/>
    </xf>
    <xf numFmtId="0" fontId="5" fillId="0" borderId="14" xfId="0" applyFont="1" applyBorder="1" applyAlignment="1">
      <alignment horizontal="justify" vertical="center" wrapText="1"/>
    </xf>
    <xf numFmtId="0" fontId="5" fillId="0" borderId="3" xfId="0" applyFont="1" applyBorder="1" applyAlignment="1">
      <alignment horizontal="center" vertical="center" wrapText="1"/>
    </xf>
    <xf numFmtId="0" fontId="5" fillId="0" borderId="4" xfId="0" applyFont="1" applyBorder="1" applyAlignment="1">
      <alignment horizontal="center" vertical="center" wrapText="1"/>
    </xf>
    <xf numFmtId="0" fontId="5" fillId="0" borderId="1" xfId="0" applyFont="1" applyBorder="1" applyAlignment="1">
      <alignment horizontal="center" vertical="center" wrapText="1"/>
    </xf>
    <xf numFmtId="0" fontId="0" fillId="0" borderId="2" xfId="0" applyFont="1" applyBorder="1" applyAlignment="1">
      <alignment horizontal="left" vertical="center" wrapText="1"/>
    </xf>
    <xf numFmtId="0" fontId="5" fillId="0" borderId="25" xfId="0" applyFont="1" applyBorder="1" applyAlignment="1">
      <alignment horizontal="left" vertical="center" wrapText="1"/>
    </xf>
    <xf numFmtId="0" fontId="0" fillId="0" borderId="25" xfId="0" applyFont="1" applyBorder="1" applyAlignment="1">
      <alignment horizontal="left" vertical="center" wrapText="1"/>
    </xf>
    <xf numFmtId="0" fontId="5" fillId="0" borderId="3" xfId="0" applyFont="1" applyBorder="1" applyAlignment="1">
      <alignment horizontal="left" vertical="center" wrapText="1"/>
    </xf>
    <xf numFmtId="0" fontId="5" fillId="0" borderId="4" xfId="0" applyFont="1" applyBorder="1" applyAlignment="1">
      <alignment horizontal="left" vertical="center" wrapText="1"/>
    </xf>
    <xf numFmtId="0" fontId="5" fillId="0" borderId="1" xfId="0" applyFont="1" applyBorder="1" applyAlignment="1">
      <alignment horizontal="left" vertical="center" wrapText="1"/>
    </xf>
    <xf numFmtId="0" fontId="5" fillId="0" borderId="17" xfId="0" applyFont="1" applyBorder="1" applyAlignment="1">
      <alignment horizontal="left" vertical="center" wrapText="1"/>
    </xf>
    <xf numFmtId="0" fontId="5" fillId="0" borderId="0" xfId="0" applyFont="1" applyBorder="1" applyAlignment="1">
      <alignment horizontal="left" vertical="center" wrapText="1"/>
    </xf>
    <xf numFmtId="0" fontId="5" fillId="0" borderId="27" xfId="0" applyFont="1" applyBorder="1" applyAlignment="1">
      <alignment horizontal="left" vertical="center" wrapText="1"/>
    </xf>
    <xf numFmtId="0" fontId="5" fillId="0" borderId="16" xfId="0" applyFont="1" applyBorder="1" applyAlignment="1">
      <alignment horizontal="left" vertical="center" wrapText="1"/>
    </xf>
    <xf numFmtId="0" fontId="5" fillId="0" borderId="5" xfId="0" applyFont="1" applyBorder="1" applyAlignment="1">
      <alignment horizontal="left" vertical="center" wrapText="1"/>
    </xf>
    <xf numFmtId="0" fontId="5" fillId="0" borderId="15" xfId="0" applyFont="1" applyBorder="1" applyAlignment="1">
      <alignment horizontal="left" vertical="center" wrapText="1"/>
    </xf>
    <xf numFmtId="0" fontId="6" fillId="0" borderId="2" xfId="0" applyFont="1" applyBorder="1" applyAlignment="1">
      <alignment horizontal="left" vertical="center" wrapText="1"/>
    </xf>
    <xf numFmtId="0" fontId="5" fillId="0" borderId="6" xfId="0" applyFont="1" applyBorder="1" applyAlignment="1">
      <alignment horizontal="left" shrinkToFit="1"/>
    </xf>
    <xf numFmtId="0" fontId="5" fillId="0" borderId="7" xfId="0" applyFont="1" applyBorder="1" applyAlignment="1">
      <alignment horizontal="left" shrinkToFit="1"/>
    </xf>
    <xf numFmtId="0" fontId="5" fillId="0" borderId="8" xfId="0" applyFont="1" applyBorder="1" applyAlignment="1">
      <alignment horizontal="left" shrinkToFit="1"/>
    </xf>
    <xf numFmtId="0" fontId="5" fillId="0" borderId="7" xfId="0" applyFont="1" applyBorder="1" applyAlignment="1">
      <alignment horizontal="justify" wrapText="1"/>
    </xf>
    <xf numFmtId="0" fontId="5" fillId="0" borderId="0" xfId="0" applyFont="1" applyAlignment="1">
      <alignment horizontal="center" vertical="center"/>
    </xf>
    <xf numFmtId="0" fontId="0" fillId="0" borderId="4" xfId="0" applyFont="1" applyBorder="1" applyAlignment="1">
      <alignment horizontal="left" vertical="center" wrapText="1"/>
    </xf>
    <xf numFmtId="0" fontId="5" fillId="0" borderId="44" xfId="0" applyFont="1" applyBorder="1" applyAlignment="1">
      <alignment horizontal="justify" vertical="center" wrapText="1"/>
    </xf>
    <xf numFmtId="0" fontId="5" fillId="0" borderId="6" xfId="0" applyFont="1" applyBorder="1" applyAlignment="1">
      <alignment horizontal="left" vertical="center" wrapText="1"/>
    </xf>
    <xf numFmtId="0" fontId="5" fillId="0" borderId="7" xfId="0" applyFont="1" applyBorder="1" applyAlignment="1">
      <alignment horizontal="left" vertical="center" wrapText="1"/>
    </xf>
    <xf numFmtId="0" fontId="5" fillId="0" borderId="8" xfId="0" applyFont="1" applyBorder="1" applyAlignment="1">
      <alignment horizontal="left" vertical="center" wrapText="1"/>
    </xf>
    <xf numFmtId="0" fontId="0" fillId="0" borderId="2" xfId="0" applyFont="1" applyBorder="1" applyAlignment="1">
      <alignment horizontal="left" wrapText="1"/>
    </xf>
    <xf numFmtId="0" fontId="0" fillId="0" borderId="6" xfId="0" applyFont="1" applyBorder="1" applyAlignment="1">
      <alignment horizontal="left" wrapText="1"/>
    </xf>
  </cellXfs>
  <cellStyles count="48">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パーセント 2" xfId="45" xr:uid="{00000000-0005-0000-0000-00001B000000}"/>
    <cellStyle name="パーセント 2 2" xfId="47" xr:uid="{00000000-0005-0000-0000-00001C000000}"/>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桁区切り 2" xfId="44" xr:uid="{00000000-0005-0000-0000-000022000000}"/>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2" xr:uid="{00000000-0005-0000-0000-00002C000000}"/>
    <cellStyle name="標準 3" xfId="43" xr:uid="{00000000-0005-0000-0000-00002D000000}"/>
    <cellStyle name="標準 3 2" xfId="46" xr:uid="{00000000-0005-0000-0000-00002E000000}"/>
    <cellStyle name="良い" xfId="41" builtinId="26" customBuiltin="1"/>
  </cellStyles>
  <dxfs count="0"/>
  <tableStyles count="0" defaultTableStyle="TableStyleMedium2" defaultPivotStyle="PivotStyleLight16"/>
  <colors>
    <mruColors>
      <color rgb="FFFF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externalLink" Target="externalLinks/externalLink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externalLink" Target="externalLinks/externalLink2.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externalLink" Target="externalLinks/externalLink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3075384</xdr:colOff>
      <xdr:row>0</xdr:row>
      <xdr:rowOff>0</xdr:rowOff>
    </xdr:from>
    <xdr:to>
      <xdr:col>6</xdr:col>
      <xdr:colOff>467134</xdr:colOff>
      <xdr:row>0</xdr:row>
      <xdr:rowOff>0</xdr:rowOff>
    </xdr:to>
    <xdr:sp macro="" textlink="">
      <xdr:nvSpPr>
        <xdr:cNvPr id="2" name="Text Box 1">
          <a:extLst>
            <a:ext uri="{FF2B5EF4-FFF2-40B4-BE49-F238E27FC236}">
              <a16:creationId xmlns:a16="http://schemas.microsoft.com/office/drawing/2014/main" id="{00000000-0008-0000-0700-000002000000}"/>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 name="Text Box 2">
          <a:extLst>
            <a:ext uri="{FF2B5EF4-FFF2-40B4-BE49-F238E27FC236}">
              <a16:creationId xmlns:a16="http://schemas.microsoft.com/office/drawing/2014/main" id="{00000000-0008-0000-0700-000003000000}"/>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 name="Text Box 3">
          <a:extLst>
            <a:ext uri="{FF2B5EF4-FFF2-40B4-BE49-F238E27FC236}">
              <a16:creationId xmlns:a16="http://schemas.microsoft.com/office/drawing/2014/main" id="{00000000-0008-0000-0700-000004000000}"/>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5" name="Text Box 4">
          <a:extLst>
            <a:ext uri="{FF2B5EF4-FFF2-40B4-BE49-F238E27FC236}">
              <a16:creationId xmlns:a16="http://schemas.microsoft.com/office/drawing/2014/main" id="{00000000-0008-0000-0700-000005000000}"/>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6" name="Text Box 5">
          <a:extLst>
            <a:ext uri="{FF2B5EF4-FFF2-40B4-BE49-F238E27FC236}">
              <a16:creationId xmlns:a16="http://schemas.microsoft.com/office/drawing/2014/main" id="{00000000-0008-0000-0700-000006000000}"/>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7" name="Text Box 6">
          <a:extLst>
            <a:ext uri="{FF2B5EF4-FFF2-40B4-BE49-F238E27FC236}">
              <a16:creationId xmlns:a16="http://schemas.microsoft.com/office/drawing/2014/main" id="{00000000-0008-0000-0700-000007000000}"/>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8" name="Text Box 7">
          <a:extLst>
            <a:ext uri="{FF2B5EF4-FFF2-40B4-BE49-F238E27FC236}">
              <a16:creationId xmlns:a16="http://schemas.microsoft.com/office/drawing/2014/main" id="{00000000-0008-0000-0700-00000800000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9" name="Text Box 8">
          <a:extLst>
            <a:ext uri="{FF2B5EF4-FFF2-40B4-BE49-F238E27FC236}">
              <a16:creationId xmlns:a16="http://schemas.microsoft.com/office/drawing/2014/main" id="{00000000-0008-0000-0700-000009000000}"/>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0" name="Text Box 9">
          <a:extLst>
            <a:ext uri="{FF2B5EF4-FFF2-40B4-BE49-F238E27FC236}">
              <a16:creationId xmlns:a16="http://schemas.microsoft.com/office/drawing/2014/main" id="{00000000-0008-0000-0700-00000A00000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11" name="Text Box 10">
          <a:extLst>
            <a:ext uri="{FF2B5EF4-FFF2-40B4-BE49-F238E27FC236}">
              <a16:creationId xmlns:a16="http://schemas.microsoft.com/office/drawing/2014/main" id="{00000000-0008-0000-0700-00000B000000}"/>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2" name="Text Box 11">
          <a:extLst>
            <a:ext uri="{FF2B5EF4-FFF2-40B4-BE49-F238E27FC236}">
              <a16:creationId xmlns:a16="http://schemas.microsoft.com/office/drawing/2014/main" id="{00000000-0008-0000-0700-00000C000000}"/>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13" name="Text Box 12">
          <a:extLst>
            <a:ext uri="{FF2B5EF4-FFF2-40B4-BE49-F238E27FC236}">
              <a16:creationId xmlns:a16="http://schemas.microsoft.com/office/drawing/2014/main" id="{00000000-0008-0000-0700-00000D000000}"/>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14" name="Text Box 13">
          <a:extLst>
            <a:ext uri="{FF2B5EF4-FFF2-40B4-BE49-F238E27FC236}">
              <a16:creationId xmlns:a16="http://schemas.microsoft.com/office/drawing/2014/main" id="{00000000-0008-0000-0700-00000E000000}"/>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15" name="Text Box 14">
          <a:extLst>
            <a:ext uri="{FF2B5EF4-FFF2-40B4-BE49-F238E27FC236}">
              <a16:creationId xmlns:a16="http://schemas.microsoft.com/office/drawing/2014/main" id="{00000000-0008-0000-0700-00000F000000}"/>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16" name="Text Box 15">
          <a:extLst>
            <a:ext uri="{FF2B5EF4-FFF2-40B4-BE49-F238E27FC236}">
              <a16:creationId xmlns:a16="http://schemas.microsoft.com/office/drawing/2014/main" id="{00000000-0008-0000-0700-000010000000}"/>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17" name="Text Box 16">
          <a:extLst>
            <a:ext uri="{FF2B5EF4-FFF2-40B4-BE49-F238E27FC236}">
              <a16:creationId xmlns:a16="http://schemas.microsoft.com/office/drawing/2014/main" id="{00000000-0008-0000-0700-000011000000}"/>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8" name="Text Box 17">
          <a:extLst>
            <a:ext uri="{FF2B5EF4-FFF2-40B4-BE49-F238E27FC236}">
              <a16:creationId xmlns:a16="http://schemas.microsoft.com/office/drawing/2014/main" id="{00000000-0008-0000-0700-00001200000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19" name="Text Box 18">
          <a:extLst>
            <a:ext uri="{FF2B5EF4-FFF2-40B4-BE49-F238E27FC236}">
              <a16:creationId xmlns:a16="http://schemas.microsoft.com/office/drawing/2014/main" id="{00000000-0008-0000-0700-000013000000}"/>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0" name="Text Box 19">
          <a:extLst>
            <a:ext uri="{FF2B5EF4-FFF2-40B4-BE49-F238E27FC236}">
              <a16:creationId xmlns:a16="http://schemas.microsoft.com/office/drawing/2014/main" id="{00000000-0008-0000-0700-00001400000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1" name="Text Box 20">
          <a:extLst>
            <a:ext uri="{FF2B5EF4-FFF2-40B4-BE49-F238E27FC236}">
              <a16:creationId xmlns:a16="http://schemas.microsoft.com/office/drawing/2014/main" id="{00000000-0008-0000-0700-000015000000}"/>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0</xdr:row>
      <xdr:rowOff>0</xdr:rowOff>
    </xdr:from>
    <xdr:to>
      <xdr:col>6</xdr:col>
      <xdr:colOff>942640</xdr:colOff>
      <xdr:row>0</xdr:row>
      <xdr:rowOff>0</xdr:rowOff>
    </xdr:to>
    <xdr:sp macro="" textlink="">
      <xdr:nvSpPr>
        <xdr:cNvPr id="22" name="Text Box 21">
          <a:extLst>
            <a:ext uri="{FF2B5EF4-FFF2-40B4-BE49-F238E27FC236}">
              <a16:creationId xmlns:a16="http://schemas.microsoft.com/office/drawing/2014/main" id="{00000000-0008-0000-0700-000016000000}"/>
            </a:ext>
          </a:extLst>
        </xdr:cNvPr>
        <xdr:cNvSpPr txBox="1"/>
      </xdr:nvSpPr>
      <xdr:spPr bwMode="auto">
        <a:xfrm>
          <a:off x="13373323" y="0"/>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0</xdr:row>
      <xdr:rowOff>0</xdr:rowOff>
    </xdr:from>
    <xdr:to>
      <xdr:col>4</xdr:col>
      <xdr:colOff>2229241</xdr:colOff>
      <xdr:row>0</xdr:row>
      <xdr:rowOff>0</xdr:rowOff>
    </xdr:to>
    <xdr:sp macro="" textlink="">
      <xdr:nvSpPr>
        <xdr:cNvPr id="23" name="Text Box 22">
          <a:extLst>
            <a:ext uri="{FF2B5EF4-FFF2-40B4-BE49-F238E27FC236}">
              <a16:creationId xmlns:a16="http://schemas.microsoft.com/office/drawing/2014/main" id="{00000000-0008-0000-0700-000017000000}"/>
            </a:ext>
          </a:extLst>
        </xdr:cNvPr>
        <xdr:cNvSpPr txBox="1"/>
      </xdr:nvSpPr>
      <xdr:spPr bwMode="auto">
        <a:xfrm>
          <a:off x="8085665" y="0"/>
          <a:ext cx="57295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4" name="Text Box 23">
          <a:extLst>
            <a:ext uri="{FF2B5EF4-FFF2-40B4-BE49-F238E27FC236}">
              <a16:creationId xmlns:a16="http://schemas.microsoft.com/office/drawing/2014/main" id="{00000000-0008-0000-0700-000018000000}"/>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5" name="Text Box 24">
          <a:extLst>
            <a:ext uri="{FF2B5EF4-FFF2-40B4-BE49-F238E27FC236}">
              <a16:creationId xmlns:a16="http://schemas.microsoft.com/office/drawing/2014/main" id="{00000000-0008-0000-0700-00001900000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6" name="Text Box 25">
          <a:extLst>
            <a:ext uri="{FF2B5EF4-FFF2-40B4-BE49-F238E27FC236}">
              <a16:creationId xmlns:a16="http://schemas.microsoft.com/office/drawing/2014/main" id="{00000000-0008-0000-0700-00001A000000}"/>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7" name="Text Box 26">
          <a:extLst>
            <a:ext uri="{FF2B5EF4-FFF2-40B4-BE49-F238E27FC236}">
              <a16:creationId xmlns:a16="http://schemas.microsoft.com/office/drawing/2014/main" id="{00000000-0008-0000-0700-00001B00000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8" name="Text Box 27">
          <a:extLst>
            <a:ext uri="{FF2B5EF4-FFF2-40B4-BE49-F238E27FC236}">
              <a16:creationId xmlns:a16="http://schemas.microsoft.com/office/drawing/2014/main" id="{00000000-0008-0000-0700-00001C000000}"/>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29" name="Text Box 28">
          <a:extLst>
            <a:ext uri="{FF2B5EF4-FFF2-40B4-BE49-F238E27FC236}">
              <a16:creationId xmlns:a16="http://schemas.microsoft.com/office/drawing/2014/main" id="{00000000-0008-0000-0700-00001D000000}"/>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30" name="Text Box 29">
          <a:extLst>
            <a:ext uri="{FF2B5EF4-FFF2-40B4-BE49-F238E27FC236}">
              <a16:creationId xmlns:a16="http://schemas.microsoft.com/office/drawing/2014/main" id="{00000000-0008-0000-0700-00001E000000}"/>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31" name="Text Box 30">
          <a:extLst>
            <a:ext uri="{FF2B5EF4-FFF2-40B4-BE49-F238E27FC236}">
              <a16:creationId xmlns:a16="http://schemas.microsoft.com/office/drawing/2014/main" id="{00000000-0008-0000-0700-00001F000000}"/>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32" name="Text Box 31">
          <a:extLst>
            <a:ext uri="{FF2B5EF4-FFF2-40B4-BE49-F238E27FC236}">
              <a16:creationId xmlns:a16="http://schemas.microsoft.com/office/drawing/2014/main" id="{00000000-0008-0000-0700-000020000000}"/>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33" name="Text Box 32">
          <a:extLst>
            <a:ext uri="{FF2B5EF4-FFF2-40B4-BE49-F238E27FC236}">
              <a16:creationId xmlns:a16="http://schemas.microsoft.com/office/drawing/2014/main" id="{00000000-0008-0000-0700-000021000000}"/>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34" name="Text Box 33">
          <a:extLst>
            <a:ext uri="{FF2B5EF4-FFF2-40B4-BE49-F238E27FC236}">
              <a16:creationId xmlns:a16="http://schemas.microsoft.com/office/drawing/2014/main" id="{00000000-0008-0000-0700-000022000000}"/>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5" name="Text Box 34">
          <a:extLst>
            <a:ext uri="{FF2B5EF4-FFF2-40B4-BE49-F238E27FC236}">
              <a16:creationId xmlns:a16="http://schemas.microsoft.com/office/drawing/2014/main" id="{00000000-0008-0000-0700-00002300000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36" name="Text Box 35">
          <a:extLst>
            <a:ext uri="{FF2B5EF4-FFF2-40B4-BE49-F238E27FC236}">
              <a16:creationId xmlns:a16="http://schemas.microsoft.com/office/drawing/2014/main" id="{00000000-0008-0000-0700-000024000000}"/>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7" name="Text Box 36">
          <a:extLst>
            <a:ext uri="{FF2B5EF4-FFF2-40B4-BE49-F238E27FC236}">
              <a16:creationId xmlns:a16="http://schemas.microsoft.com/office/drawing/2014/main" id="{00000000-0008-0000-0700-00002500000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8" name="Text Box 37">
          <a:extLst>
            <a:ext uri="{FF2B5EF4-FFF2-40B4-BE49-F238E27FC236}">
              <a16:creationId xmlns:a16="http://schemas.microsoft.com/office/drawing/2014/main" id="{00000000-0008-0000-0700-000026000000}"/>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9" name="Text Box 38">
          <a:extLst>
            <a:ext uri="{FF2B5EF4-FFF2-40B4-BE49-F238E27FC236}">
              <a16:creationId xmlns:a16="http://schemas.microsoft.com/office/drawing/2014/main" id="{00000000-0008-0000-0700-000027000000}"/>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40" name="Text Box 39">
          <a:extLst>
            <a:ext uri="{FF2B5EF4-FFF2-40B4-BE49-F238E27FC236}">
              <a16:creationId xmlns:a16="http://schemas.microsoft.com/office/drawing/2014/main" id="{00000000-0008-0000-0700-000028000000}"/>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1" name="Text Box 40">
          <a:extLst>
            <a:ext uri="{FF2B5EF4-FFF2-40B4-BE49-F238E27FC236}">
              <a16:creationId xmlns:a16="http://schemas.microsoft.com/office/drawing/2014/main" id="{00000000-0008-0000-0700-000029000000}"/>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67134</xdr:colOff>
      <xdr:row>0</xdr:row>
      <xdr:rowOff>0</xdr:rowOff>
    </xdr:to>
    <xdr:sp macro="" textlink="">
      <xdr:nvSpPr>
        <xdr:cNvPr id="42" name="Text Box 41">
          <a:extLst>
            <a:ext uri="{FF2B5EF4-FFF2-40B4-BE49-F238E27FC236}">
              <a16:creationId xmlns:a16="http://schemas.microsoft.com/office/drawing/2014/main" id="{00000000-0008-0000-0700-00002A000000}"/>
            </a:ext>
          </a:extLst>
        </xdr:cNvPr>
        <xdr:cNvSpPr txBox="1"/>
      </xdr:nvSpPr>
      <xdr:spPr bwMode="auto">
        <a:xfrm>
          <a:off x="12876609" y="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0</xdr:row>
      <xdr:rowOff>0</xdr:rowOff>
    </xdr:from>
    <xdr:to>
      <xdr:col>6</xdr:col>
      <xdr:colOff>485552</xdr:colOff>
      <xdr:row>0</xdr:row>
      <xdr:rowOff>0</xdr:rowOff>
    </xdr:to>
    <xdr:sp macro="" textlink="">
      <xdr:nvSpPr>
        <xdr:cNvPr id="43" name="Text Box 42">
          <a:extLst>
            <a:ext uri="{FF2B5EF4-FFF2-40B4-BE49-F238E27FC236}">
              <a16:creationId xmlns:a16="http://schemas.microsoft.com/office/drawing/2014/main" id="{00000000-0008-0000-0700-00002B000000}"/>
            </a:ext>
          </a:extLst>
        </xdr:cNvPr>
        <xdr:cNvSpPr txBox="1"/>
      </xdr:nvSpPr>
      <xdr:spPr bwMode="auto">
        <a:xfrm>
          <a:off x="12876609" y="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44" name="Text Box 43">
          <a:extLst>
            <a:ext uri="{FF2B5EF4-FFF2-40B4-BE49-F238E27FC236}">
              <a16:creationId xmlns:a16="http://schemas.microsoft.com/office/drawing/2014/main" id="{00000000-0008-0000-0700-00002C000000}"/>
            </a:ext>
          </a:extLst>
        </xdr:cNvPr>
        <xdr:cNvSpPr txBox="1"/>
      </xdr:nvSpPr>
      <xdr:spPr bwMode="auto">
        <a:xfrm>
          <a:off x="15716064" y="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45" name="Text Box 44">
          <a:extLst>
            <a:ext uri="{FF2B5EF4-FFF2-40B4-BE49-F238E27FC236}">
              <a16:creationId xmlns:a16="http://schemas.microsoft.com/office/drawing/2014/main" id="{00000000-0008-0000-0700-00002D000000}"/>
            </a:ext>
          </a:extLst>
        </xdr:cNvPr>
        <xdr:cNvSpPr txBox="1"/>
      </xdr:nvSpPr>
      <xdr:spPr bwMode="auto">
        <a:xfrm>
          <a:off x="8161400"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46" name="Text Box 45">
          <a:extLst>
            <a:ext uri="{FF2B5EF4-FFF2-40B4-BE49-F238E27FC236}">
              <a16:creationId xmlns:a16="http://schemas.microsoft.com/office/drawing/2014/main" id="{00000000-0008-0000-0700-00002E000000}"/>
            </a:ext>
          </a:extLst>
        </xdr:cNvPr>
        <xdr:cNvSpPr txBox="1"/>
      </xdr:nvSpPr>
      <xdr:spPr bwMode="auto">
        <a:xfrm>
          <a:off x="1161380" y="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7" name="Text Box 46">
          <a:extLst>
            <a:ext uri="{FF2B5EF4-FFF2-40B4-BE49-F238E27FC236}">
              <a16:creationId xmlns:a16="http://schemas.microsoft.com/office/drawing/2014/main" id="{00000000-0008-0000-0700-00002F00000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48" name="Text Box 47">
          <a:extLst>
            <a:ext uri="{FF2B5EF4-FFF2-40B4-BE49-F238E27FC236}">
              <a16:creationId xmlns:a16="http://schemas.microsoft.com/office/drawing/2014/main" id="{00000000-0008-0000-0700-000030000000}"/>
            </a:ext>
          </a:extLst>
        </xdr:cNvPr>
        <xdr:cNvSpPr txBox="1"/>
      </xdr:nvSpPr>
      <xdr:spPr bwMode="auto">
        <a:xfrm>
          <a:off x="8247013" y="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9" name="Text Box 48">
          <a:extLst>
            <a:ext uri="{FF2B5EF4-FFF2-40B4-BE49-F238E27FC236}">
              <a16:creationId xmlns:a16="http://schemas.microsoft.com/office/drawing/2014/main" id="{00000000-0008-0000-0700-000031000000}"/>
            </a:ext>
          </a:extLst>
        </xdr:cNvPr>
        <xdr:cNvSpPr txBox="1"/>
      </xdr:nvSpPr>
      <xdr:spPr bwMode="auto">
        <a:xfrm>
          <a:off x="8230549" y="0"/>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50" name="Text Box 49">
          <a:extLst>
            <a:ext uri="{FF2B5EF4-FFF2-40B4-BE49-F238E27FC236}">
              <a16:creationId xmlns:a16="http://schemas.microsoft.com/office/drawing/2014/main" id="{00000000-0008-0000-0700-000032000000}"/>
            </a:ext>
          </a:extLst>
        </xdr:cNvPr>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51" name="Text Box 51">
          <a:extLst>
            <a:ext uri="{FF2B5EF4-FFF2-40B4-BE49-F238E27FC236}">
              <a16:creationId xmlns:a16="http://schemas.microsoft.com/office/drawing/2014/main" id="{00000000-0008-0000-0700-000033000000}"/>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52" name="Text Box 53">
          <a:extLst>
            <a:ext uri="{FF2B5EF4-FFF2-40B4-BE49-F238E27FC236}">
              <a16:creationId xmlns:a16="http://schemas.microsoft.com/office/drawing/2014/main" id="{00000000-0008-0000-0700-000034000000}"/>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53" name="Text Box 54">
          <a:extLst>
            <a:ext uri="{FF2B5EF4-FFF2-40B4-BE49-F238E27FC236}">
              <a16:creationId xmlns:a16="http://schemas.microsoft.com/office/drawing/2014/main" id="{00000000-0008-0000-0700-000035000000}"/>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85552</xdr:colOff>
      <xdr:row>30</xdr:row>
      <xdr:rowOff>0</xdr:rowOff>
    </xdr:to>
    <xdr:sp macro="" textlink="">
      <xdr:nvSpPr>
        <xdr:cNvPr id="54" name="Text Box 55">
          <a:extLst>
            <a:ext uri="{FF2B5EF4-FFF2-40B4-BE49-F238E27FC236}">
              <a16:creationId xmlns:a16="http://schemas.microsoft.com/office/drawing/2014/main" id="{00000000-0008-0000-0700-000036000000}"/>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0</xdr:row>
      <xdr:rowOff>0</xdr:rowOff>
    </xdr:from>
    <xdr:to>
      <xdr:col>10</xdr:col>
      <xdr:colOff>314381</xdr:colOff>
      <xdr:row>30</xdr:row>
      <xdr:rowOff>0</xdr:rowOff>
    </xdr:to>
    <xdr:sp macro="" textlink="">
      <xdr:nvSpPr>
        <xdr:cNvPr id="55" name="Text Box 56">
          <a:extLst>
            <a:ext uri="{FF2B5EF4-FFF2-40B4-BE49-F238E27FC236}">
              <a16:creationId xmlns:a16="http://schemas.microsoft.com/office/drawing/2014/main" id="{00000000-0008-0000-0700-000037000000}"/>
            </a:ext>
          </a:extLst>
        </xdr:cNvPr>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5</xdr:row>
      <xdr:rowOff>0</xdr:rowOff>
    </xdr:from>
    <xdr:to>
      <xdr:col>4</xdr:col>
      <xdr:colOff>2295097</xdr:colOff>
      <xdr:row>35</xdr:row>
      <xdr:rowOff>0</xdr:rowOff>
    </xdr:to>
    <xdr:sp macro="" textlink="">
      <xdr:nvSpPr>
        <xdr:cNvPr id="56" name="Text Box 57">
          <a:extLst>
            <a:ext uri="{FF2B5EF4-FFF2-40B4-BE49-F238E27FC236}">
              <a16:creationId xmlns:a16="http://schemas.microsoft.com/office/drawing/2014/main" id="{00000000-0008-0000-0700-000038000000}"/>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5</xdr:row>
      <xdr:rowOff>0</xdr:rowOff>
    </xdr:from>
    <xdr:to>
      <xdr:col>1</xdr:col>
      <xdr:colOff>1553394</xdr:colOff>
      <xdr:row>35</xdr:row>
      <xdr:rowOff>0</xdr:rowOff>
    </xdr:to>
    <xdr:sp macro="" textlink="">
      <xdr:nvSpPr>
        <xdr:cNvPr id="57" name="Text Box 58">
          <a:extLst>
            <a:ext uri="{FF2B5EF4-FFF2-40B4-BE49-F238E27FC236}">
              <a16:creationId xmlns:a16="http://schemas.microsoft.com/office/drawing/2014/main" id="{00000000-0008-0000-0700-000039000000}"/>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58" name="Text Box 59">
          <a:extLst>
            <a:ext uri="{FF2B5EF4-FFF2-40B4-BE49-F238E27FC236}">
              <a16:creationId xmlns:a16="http://schemas.microsoft.com/office/drawing/2014/main" id="{00000000-0008-0000-0700-00003A000000}"/>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5</xdr:row>
      <xdr:rowOff>0</xdr:rowOff>
    </xdr:from>
    <xdr:to>
      <xdr:col>4</xdr:col>
      <xdr:colOff>2380710</xdr:colOff>
      <xdr:row>35</xdr:row>
      <xdr:rowOff>0</xdr:rowOff>
    </xdr:to>
    <xdr:sp macro="" textlink="">
      <xdr:nvSpPr>
        <xdr:cNvPr id="59" name="Text Box 60">
          <a:extLst>
            <a:ext uri="{FF2B5EF4-FFF2-40B4-BE49-F238E27FC236}">
              <a16:creationId xmlns:a16="http://schemas.microsoft.com/office/drawing/2014/main" id="{00000000-0008-0000-0700-00003B000000}"/>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60" name="Text Box 61">
          <a:extLst>
            <a:ext uri="{FF2B5EF4-FFF2-40B4-BE49-F238E27FC236}">
              <a16:creationId xmlns:a16="http://schemas.microsoft.com/office/drawing/2014/main" id="{00000000-0008-0000-0700-00003C000000}"/>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61" name="Text Box 62">
          <a:extLst>
            <a:ext uri="{FF2B5EF4-FFF2-40B4-BE49-F238E27FC236}">
              <a16:creationId xmlns:a16="http://schemas.microsoft.com/office/drawing/2014/main" id="{00000000-0008-0000-0700-00003D000000}"/>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62" name="Text Box 51">
          <a:extLst>
            <a:ext uri="{FF2B5EF4-FFF2-40B4-BE49-F238E27FC236}">
              <a16:creationId xmlns:a16="http://schemas.microsoft.com/office/drawing/2014/main" id="{00000000-0008-0000-0700-00003E000000}"/>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63" name="Text Box 53">
          <a:extLst>
            <a:ext uri="{FF2B5EF4-FFF2-40B4-BE49-F238E27FC236}">
              <a16:creationId xmlns:a16="http://schemas.microsoft.com/office/drawing/2014/main" id="{00000000-0008-0000-0700-00003F000000}"/>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64" name="Text Box 54">
          <a:extLst>
            <a:ext uri="{FF2B5EF4-FFF2-40B4-BE49-F238E27FC236}">
              <a16:creationId xmlns:a16="http://schemas.microsoft.com/office/drawing/2014/main" id="{00000000-0008-0000-0700-000040000000}"/>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85552</xdr:colOff>
      <xdr:row>30</xdr:row>
      <xdr:rowOff>0</xdr:rowOff>
    </xdr:to>
    <xdr:sp macro="" textlink="">
      <xdr:nvSpPr>
        <xdr:cNvPr id="65" name="Text Box 55">
          <a:extLst>
            <a:ext uri="{FF2B5EF4-FFF2-40B4-BE49-F238E27FC236}">
              <a16:creationId xmlns:a16="http://schemas.microsoft.com/office/drawing/2014/main" id="{00000000-0008-0000-0700-000041000000}"/>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0</xdr:row>
      <xdr:rowOff>0</xdr:rowOff>
    </xdr:from>
    <xdr:to>
      <xdr:col>10</xdr:col>
      <xdr:colOff>314381</xdr:colOff>
      <xdr:row>30</xdr:row>
      <xdr:rowOff>0</xdr:rowOff>
    </xdr:to>
    <xdr:sp macro="" textlink="">
      <xdr:nvSpPr>
        <xdr:cNvPr id="66" name="Text Box 56">
          <a:extLst>
            <a:ext uri="{FF2B5EF4-FFF2-40B4-BE49-F238E27FC236}">
              <a16:creationId xmlns:a16="http://schemas.microsoft.com/office/drawing/2014/main" id="{00000000-0008-0000-0700-000042000000}"/>
            </a:ext>
          </a:extLst>
        </xdr:cNvPr>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5</xdr:row>
      <xdr:rowOff>0</xdr:rowOff>
    </xdr:from>
    <xdr:to>
      <xdr:col>4</xdr:col>
      <xdr:colOff>2295097</xdr:colOff>
      <xdr:row>35</xdr:row>
      <xdr:rowOff>0</xdr:rowOff>
    </xdr:to>
    <xdr:sp macro="" textlink="">
      <xdr:nvSpPr>
        <xdr:cNvPr id="67" name="Text Box 57">
          <a:extLst>
            <a:ext uri="{FF2B5EF4-FFF2-40B4-BE49-F238E27FC236}">
              <a16:creationId xmlns:a16="http://schemas.microsoft.com/office/drawing/2014/main" id="{00000000-0008-0000-0700-000043000000}"/>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5</xdr:row>
      <xdr:rowOff>0</xdr:rowOff>
    </xdr:from>
    <xdr:to>
      <xdr:col>1</xdr:col>
      <xdr:colOff>1553394</xdr:colOff>
      <xdr:row>35</xdr:row>
      <xdr:rowOff>0</xdr:rowOff>
    </xdr:to>
    <xdr:sp macro="" textlink="">
      <xdr:nvSpPr>
        <xdr:cNvPr id="68" name="Text Box 58">
          <a:extLst>
            <a:ext uri="{FF2B5EF4-FFF2-40B4-BE49-F238E27FC236}">
              <a16:creationId xmlns:a16="http://schemas.microsoft.com/office/drawing/2014/main" id="{00000000-0008-0000-0700-000044000000}"/>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69" name="Text Box 59">
          <a:extLst>
            <a:ext uri="{FF2B5EF4-FFF2-40B4-BE49-F238E27FC236}">
              <a16:creationId xmlns:a16="http://schemas.microsoft.com/office/drawing/2014/main" id="{00000000-0008-0000-0700-000045000000}"/>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5</xdr:row>
      <xdr:rowOff>0</xdr:rowOff>
    </xdr:from>
    <xdr:to>
      <xdr:col>4</xdr:col>
      <xdr:colOff>2380710</xdr:colOff>
      <xdr:row>35</xdr:row>
      <xdr:rowOff>0</xdr:rowOff>
    </xdr:to>
    <xdr:sp macro="" textlink="">
      <xdr:nvSpPr>
        <xdr:cNvPr id="70" name="Text Box 60">
          <a:extLst>
            <a:ext uri="{FF2B5EF4-FFF2-40B4-BE49-F238E27FC236}">
              <a16:creationId xmlns:a16="http://schemas.microsoft.com/office/drawing/2014/main" id="{00000000-0008-0000-0700-000046000000}"/>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71" name="Text Box 61">
          <a:extLst>
            <a:ext uri="{FF2B5EF4-FFF2-40B4-BE49-F238E27FC236}">
              <a16:creationId xmlns:a16="http://schemas.microsoft.com/office/drawing/2014/main" id="{00000000-0008-0000-0700-000047000000}"/>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72" name="Text Box 62">
          <a:extLst>
            <a:ext uri="{FF2B5EF4-FFF2-40B4-BE49-F238E27FC236}">
              <a16:creationId xmlns:a16="http://schemas.microsoft.com/office/drawing/2014/main" id="{00000000-0008-0000-0700-000048000000}"/>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73" name="Text Box 51">
          <a:extLst>
            <a:ext uri="{FF2B5EF4-FFF2-40B4-BE49-F238E27FC236}">
              <a16:creationId xmlns:a16="http://schemas.microsoft.com/office/drawing/2014/main" id="{00000000-0008-0000-0700-000049000000}"/>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74" name="Text Box 53">
          <a:extLst>
            <a:ext uri="{FF2B5EF4-FFF2-40B4-BE49-F238E27FC236}">
              <a16:creationId xmlns:a16="http://schemas.microsoft.com/office/drawing/2014/main" id="{00000000-0008-0000-0700-00004A000000}"/>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75" name="Text Box 54">
          <a:extLst>
            <a:ext uri="{FF2B5EF4-FFF2-40B4-BE49-F238E27FC236}">
              <a16:creationId xmlns:a16="http://schemas.microsoft.com/office/drawing/2014/main" id="{00000000-0008-0000-0700-00004B000000}"/>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85552</xdr:colOff>
      <xdr:row>30</xdr:row>
      <xdr:rowOff>0</xdr:rowOff>
    </xdr:to>
    <xdr:sp macro="" textlink="">
      <xdr:nvSpPr>
        <xdr:cNvPr id="76" name="Text Box 55">
          <a:extLst>
            <a:ext uri="{FF2B5EF4-FFF2-40B4-BE49-F238E27FC236}">
              <a16:creationId xmlns:a16="http://schemas.microsoft.com/office/drawing/2014/main" id="{00000000-0008-0000-0700-00004C000000}"/>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0</xdr:row>
      <xdr:rowOff>0</xdr:rowOff>
    </xdr:from>
    <xdr:to>
      <xdr:col>10</xdr:col>
      <xdr:colOff>314381</xdr:colOff>
      <xdr:row>30</xdr:row>
      <xdr:rowOff>0</xdr:rowOff>
    </xdr:to>
    <xdr:sp macro="" textlink="">
      <xdr:nvSpPr>
        <xdr:cNvPr id="77" name="Text Box 56">
          <a:extLst>
            <a:ext uri="{FF2B5EF4-FFF2-40B4-BE49-F238E27FC236}">
              <a16:creationId xmlns:a16="http://schemas.microsoft.com/office/drawing/2014/main" id="{00000000-0008-0000-0700-00004D000000}"/>
            </a:ext>
          </a:extLst>
        </xdr:cNvPr>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5</xdr:row>
      <xdr:rowOff>0</xdr:rowOff>
    </xdr:from>
    <xdr:to>
      <xdr:col>4</xdr:col>
      <xdr:colOff>2295097</xdr:colOff>
      <xdr:row>35</xdr:row>
      <xdr:rowOff>0</xdr:rowOff>
    </xdr:to>
    <xdr:sp macro="" textlink="">
      <xdr:nvSpPr>
        <xdr:cNvPr id="78" name="Text Box 57">
          <a:extLst>
            <a:ext uri="{FF2B5EF4-FFF2-40B4-BE49-F238E27FC236}">
              <a16:creationId xmlns:a16="http://schemas.microsoft.com/office/drawing/2014/main" id="{00000000-0008-0000-0700-00004E000000}"/>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5</xdr:row>
      <xdr:rowOff>0</xdr:rowOff>
    </xdr:from>
    <xdr:to>
      <xdr:col>1</xdr:col>
      <xdr:colOff>1553394</xdr:colOff>
      <xdr:row>35</xdr:row>
      <xdr:rowOff>0</xdr:rowOff>
    </xdr:to>
    <xdr:sp macro="" textlink="">
      <xdr:nvSpPr>
        <xdr:cNvPr id="79" name="Text Box 58">
          <a:extLst>
            <a:ext uri="{FF2B5EF4-FFF2-40B4-BE49-F238E27FC236}">
              <a16:creationId xmlns:a16="http://schemas.microsoft.com/office/drawing/2014/main" id="{00000000-0008-0000-0700-00004F000000}"/>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80" name="Text Box 59">
          <a:extLst>
            <a:ext uri="{FF2B5EF4-FFF2-40B4-BE49-F238E27FC236}">
              <a16:creationId xmlns:a16="http://schemas.microsoft.com/office/drawing/2014/main" id="{00000000-0008-0000-0700-000050000000}"/>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5</xdr:row>
      <xdr:rowOff>0</xdr:rowOff>
    </xdr:from>
    <xdr:to>
      <xdr:col>4</xdr:col>
      <xdr:colOff>2380710</xdr:colOff>
      <xdr:row>35</xdr:row>
      <xdr:rowOff>0</xdr:rowOff>
    </xdr:to>
    <xdr:sp macro="" textlink="">
      <xdr:nvSpPr>
        <xdr:cNvPr id="81" name="Text Box 60">
          <a:extLst>
            <a:ext uri="{FF2B5EF4-FFF2-40B4-BE49-F238E27FC236}">
              <a16:creationId xmlns:a16="http://schemas.microsoft.com/office/drawing/2014/main" id="{00000000-0008-0000-0700-000051000000}"/>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82" name="Text Box 61">
          <a:extLst>
            <a:ext uri="{FF2B5EF4-FFF2-40B4-BE49-F238E27FC236}">
              <a16:creationId xmlns:a16="http://schemas.microsoft.com/office/drawing/2014/main" id="{00000000-0008-0000-0700-000052000000}"/>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83" name="Text Box 62">
          <a:extLst>
            <a:ext uri="{FF2B5EF4-FFF2-40B4-BE49-F238E27FC236}">
              <a16:creationId xmlns:a16="http://schemas.microsoft.com/office/drawing/2014/main" id="{00000000-0008-0000-0700-000053000000}"/>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20</xdr:row>
      <xdr:rowOff>0</xdr:rowOff>
    </xdr:from>
    <xdr:to>
      <xdr:col>0</xdr:col>
      <xdr:colOff>180975</xdr:colOff>
      <xdr:row>20</xdr:row>
      <xdr:rowOff>0</xdr:rowOff>
    </xdr:to>
    <xdr:sp macro="" textlink="">
      <xdr:nvSpPr>
        <xdr:cNvPr id="84" name="Text Box 51">
          <a:extLst>
            <a:ext uri="{FF2B5EF4-FFF2-40B4-BE49-F238E27FC236}">
              <a16:creationId xmlns:a16="http://schemas.microsoft.com/office/drawing/2014/main" id="{00000000-0008-0000-0700-000054000000}"/>
            </a:ext>
          </a:extLst>
        </xdr:cNvPr>
        <xdr:cNvSpPr txBox="1"/>
      </xdr:nvSpPr>
      <xdr:spPr bwMode="auto">
        <a:xfrm>
          <a:off x="9544" y="52578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85" name="Text Box 53">
          <a:extLst>
            <a:ext uri="{FF2B5EF4-FFF2-40B4-BE49-F238E27FC236}">
              <a16:creationId xmlns:a16="http://schemas.microsoft.com/office/drawing/2014/main" id="{00000000-0008-0000-0700-000055000000}"/>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67134</xdr:colOff>
      <xdr:row>30</xdr:row>
      <xdr:rowOff>0</xdr:rowOff>
    </xdr:to>
    <xdr:sp macro="" textlink="">
      <xdr:nvSpPr>
        <xdr:cNvPr id="86" name="Text Box 54">
          <a:extLst>
            <a:ext uri="{FF2B5EF4-FFF2-40B4-BE49-F238E27FC236}">
              <a16:creationId xmlns:a16="http://schemas.microsoft.com/office/drawing/2014/main" id="{00000000-0008-0000-0700-000056000000}"/>
            </a:ext>
          </a:extLst>
        </xdr:cNvPr>
        <xdr:cNvSpPr txBox="1"/>
      </xdr:nvSpPr>
      <xdr:spPr bwMode="auto">
        <a:xfrm>
          <a:off x="12876609" y="7505700"/>
          <a:ext cx="59215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75384</xdr:colOff>
      <xdr:row>30</xdr:row>
      <xdr:rowOff>0</xdr:rowOff>
    </xdr:from>
    <xdr:to>
      <xdr:col>6</xdr:col>
      <xdr:colOff>485552</xdr:colOff>
      <xdr:row>30</xdr:row>
      <xdr:rowOff>0</xdr:rowOff>
    </xdr:to>
    <xdr:sp macro="" textlink="">
      <xdr:nvSpPr>
        <xdr:cNvPr id="87" name="Text Box 55">
          <a:extLst>
            <a:ext uri="{FF2B5EF4-FFF2-40B4-BE49-F238E27FC236}">
              <a16:creationId xmlns:a16="http://schemas.microsoft.com/office/drawing/2014/main" id="{00000000-0008-0000-0700-000057000000}"/>
            </a:ext>
          </a:extLst>
        </xdr:cNvPr>
        <xdr:cNvSpPr txBox="1"/>
      </xdr:nvSpPr>
      <xdr:spPr bwMode="auto">
        <a:xfrm>
          <a:off x="12876609" y="7505700"/>
          <a:ext cx="61056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30</xdr:row>
      <xdr:rowOff>0</xdr:rowOff>
    </xdr:from>
    <xdr:to>
      <xdr:col>10</xdr:col>
      <xdr:colOff>314381</xdr:colOff>
      <xdr:row>30</xdr:row>
      <xdr:rowOff>0</xdr:rowOff>
    </xdr:to>
    <xdr:sp macro="" textlink="">
      <xdr:nvSpPr>
        <xdr:cNvPr id="88" name="Text Box 56">
          <a:extLst>
            <a:ext uri="{FF2B5EF4-FFF2-40B4-BE49-F238E27FC236}">
              <a16:creationId xmlns:a16="http://schemas.microsoft.com/office/drawing/2014/main" id="{00000000-0008-0000-0700-000058000000}"/>
            </a:ext>
          </a:extLst>
        </xdr:cNvPr>
        <xdr:cNvSpPr txBox="1"/>
      </xdr:nvSpPr>
      <xdr:spPr bwMode="auto">
        <a:xfrm>
          <a:off x="15716064" y="7505700"/>
          <a:ext cx="5431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35</xdr:row>
      <xdr:rowOff>0</xdr:rowOff>
    </xdr:from>
    <xdr:to>
      <xdr:col>4</xdr:col>
      <xdr:colOff>2295097</xdr:colOff>
      <xdr:row>35</xdr:row>
      <xdr:rowOff>0</xdr:rowOff>
    </xdr:to>
    <xdr:sp macro="" textlink="">
      <xdr:nvSpPr>
        <xdr:cNvPr id="89" name="Text Box 57">
          <a:extLst>
            <a:ext uri="{FF2B5EF4-FFF2-40B4-BE49-F238E27FC236}">
              <a16:creationId xmlns:a16="http://schemas.microsoft.com/office/drawing/2014/main" id="{00000000-0008-0000-0700-000059000000}"/>
            </a:ext>
          </a:extLst>
        </xdr:cNvPr>
        <xdr:cNvSpPr txBox="1"/>
      </xdr:nvSpPr>
      <xdr:spPr bwMode="auto">
        <a:xfrm>
          <a:off x="8161400"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35</xdr:row>
      <xdr:rowOff>0</xdr:rowOff>
    </xdr:from>
    <xdr:to>
      <xdr:col>1</xdr:col>
      <xdr:colOff>1553394</xdr:colOff>
      <xdr:row>35</xdr:row>
      <xdr:rowOff>0</xdr:rowOff>
    </xdr:to>
    <xdr:sp macro="" textlink="">
      <xdr:nvSpPr>
        <xdr:cNvPr id="90" name="Text Box 58">
          <a:extLst>
            <a:ext uri="{FF2B5EF4-FFF2-40B4-BE49-F238E27FC236}">
              <a16:creationId xmlns:a16="http://schemas.microsoft.com/office/drawing/2014/main" id="{00000000-0008-0000-0700-00005A000000}"/>
            </a:ext>
          </a:extLst>
        </xdr:cNvPr>
        <xdr:cNvSpPr txBox="1"/>
      </xdr:nvSpPr>
      <xdr:spPr bwMode="auto">
        <a:xfrm>
          <a:off x="1161380" y="87915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91" name="Text Box 59">
          <a:extLst>
            <a:ext uri="{FF2B5EF4-FFF2-40B4-BE49-F238E27FC236}">
              <a16:creationId xmlns:a16="http://schemas.microsoft.com/office/drawing/2014/main" id="{00000000-0008-0000-0700-00005B000000}"/>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35</xdr:row>
      <xdr:rowOff>0</xdr:rowOff>
    </xdr:from>
    <xdr:to>
      <xdr:col>4</xdr:col>
      <xdr:colOff>2380710</xdr:colOff>
      <xdr:row>35</xdr:row>
      <xdr:rowOff>0</xdr:rowOff>
    </xdr:to>
    <xdr:sp macro="" textlink="">
      <xdr:nvSpPr>
        <xdr:cNvPr id="92" name="Text Box 60">
          <a:extLst>
            <a:ext uri="{FF2B5EF4-FFF2-40B4-BE49-F238E27FC236}">
              <a16:creationId xmlns:a16="http://schemas.microsoft.com/office/drawing/2014/main" id="{00000000-0008-0000-0700-00005C000000}"/>
            </a:ext>
          </a:extLst>
        </xdr:cNvPr>
        <xdr:cNvSpPr txBox="1"/>
      </xdr:nvSpPr>
      <xdr:spPr bwMode="auto">
        <a:xfrm>
          <a:off x="8247013" y="87915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35</xdr:row>
      <xdr:rowOff>0</xdr:rowOff>
    </xdr:from>
    <xdr:to>
      <xdr:col>4</xdr:col>
      <xdr:colOff>2370832</xdr:colOff>
      <xdr:row>35</xdr:row>
      <xdr:rowOff>0</xdr:rowOff>
    </xdr:to>
    <xdr:sp macro="" textlink="">
      <xdr:nvSpPr>
        <xdr:cNvPr id="93" name="Text Box 61">
          <a:extLst>
            <a:ext uri="{FF2B5EF4-FFF2-40B4-BE49-F238E27FC236}">
              <a16:creationId xmlns:a16="http://schemas.microsoft.com/office/drawing/2014/main" id="{00000000-0008-0000-0700-00005D000000}"/>
            </a:ext>
          </a:extLst>
        </xdr:cNvPr>
        <xdr:cNvSpPr txBox="1"/>
      </xdr:nvSpPr>
      <xdr:spPr bwMode="auto">
        <a:xfrm>
          <a:off x="8230549" y="8791575"/>
          <a:ext cx="56965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0</xdr:row>
      <xdr:rowOff>0</xdr:rowOff>
    </xdr:from>
    <xdr:to>
      <xdr:col>0</xdr:col>
      <xdr:colOff>180975</xdr:colOff>
      <xdr:row>30</xdr:row>
      <xdr:rowOff>0</xdr:rowOff>
    </xdr:to>
    <xdr:sp macro="" textlink="">
      <xdr:nvSpPr>
        <xdr:cNvPr id="94" name="Text Box 62">
          <a:extLst>
            <a:ext uri="{FF2B5EF4-FFF2-40B4-BE49-F238E27FC236}">
              <a16:creationId xmlns:a16="http://schemas.microsoft.com/office/drawing/2014/main" id="{00000000-0008-0000-0700-00005E000000}"/>
            </a:ext>
          </a:extLst>
        </xdr:cNvPr>
        <xdr:cNvSpPr txBox="1"/>
      </xdr:nvSpPr>
      <xdr:spPr bwMode="auto">
        <a:xfrm>
          <a:off x="9544" y="75057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tabColor rgb="FFFFFF00"/>
    <pageSetUpPr fitToPage="1"/>
  </sheetPr>
  <dimension ref="A2:AG23"/>
  <sheetViews>
    <sheetView view="pageBreakPreview" zoomScale="70" zoomScaleNormal="70" zoomScaleSheetLayoutView="70" workbookViewId="0">
      <selection activeCell="E18" sqref="E18"/>
    </sheetView>
  </sheetViews>
  <sheetFormatPr defaultRowHeight="20.25" customHeight="1" x14ac:dyDescent="0.15"/>
  <cols>
    <col min="1" max="2" width="4.25" style="225" customWidth="1"/>
    <col min="3" max="3" width="25" style="219" customWidth="1"/>
    <col min="4" max="4" width="4.875" style="219" customWidth="1"/>
    <col min="5" max="5" width="41.625" style="219" customWidth="1"/>
    <col min="6" max="6" width="4.875" style="219" customWidth="1"/>
    <col min="7" max="7" width="19.625" style="95" customWidth="1"/>
    <col min="8" max="8" width="33.875" style="219" customWidth="1"/>
    <col min="9" max="32" width="4.875" style="219" customWidth="1"/>
    <col min="33" max="33" width="12" style="219" bestFit="1" customWidth="1"/>
    <col min="34" max="267" width="9" style="219"/>
    <col min="268" max="268" width="4.25" style="219" customWidth="1"/>
    <col min="269" max="269" width="25" style="219" customWidth="1"/>
    <col min="270" max="270" width="41.625" style="219" customWidth="1"/>
    <col min="271" max="271" width="19.625" style="219" customWidth="1"/>
    <col min="272" max="272" width="33.875" style="219" customWidth="1"/>
    <col min="273" max="273" width="25" style="219" customWidth="1"/>
    <col min="274" max="274" width="13.625" style="219" customWidth="1"/>
    <col min="275" max="288" width="4.875" style="219" customWidth="1"/>
    <col min="289" max="289" width="12" style="219" bestFit="1" customWidth="1"/>
    <col min="290" max="523" width="9" style="219"/>
    <col min="524" max="524" width="4.25" style="219" customWidth="1"/>
    <col min="525" max="525" width="25" style="219" customWidth="1"/>
    <col min="526" max="526" width="41.625" style="219" customWidth="1"/>
    <col min="527" max="527" width="19.625" style="219" customWidth="1"/>
    <col min="528" max="528" width="33.875" style="219" customWidth="1"/>
    <col min="529" max="529" width="25" style="219" customWidth="1"/>
    <col min="530" max="530" width="13.625" style="219" customWidth="1"/>
    <col min="531" max="544" width="4.875" style="219" customWidth="1"/>
    <col min="545" max="545" width="12" style="219" bestFit="1" customWidth="1"/>
    <col min="546" max="779" width="9" style="219"/>
    <col min="780" max="780" width="4.25" style="219" customWidth="1"/>
    <col min="781" max="781" width="25" style="219" customWidth="1"/>
    <col min="782" max="782" width="41.625" style="219" customWidth="1"/>
    <col min="783" max="783" width="19.625" style="219" customWidth="1"/>
    <col min="784" max="784" width="33.875" style="219" customWidth="1"/>
    <col min="785" max="785" width="25" style="219" customWidth="1"/>
    <col min="786" max="786" width="13.625" style="219" customWidth="1"/>
    <col min="787" max="800" width="4.875" style="219" customWidth="1"/>
    <col min="801" max="801" width="12" style="219" bestFit="1" customWidth="1"/>
    <col min="802" max="1035" width="9" style="219"/>
    <col min="1036" max="1036" width="4.25" style="219" customWidth="1"/>
    <col min="1037" max="1037" width="25" style="219" customWidth="1"/>
    <col min="1038" max="1038" width="41.625" style="219" customWidth="1"/>
    <col min="1039" max="1039" width="19.625" style="219" customWidth="1"/>
    <col min="1040" max="1040" width="33.875" style="219" customWidth="1"/>
    <col min="1041" max="1041" width="25" style="219" customWidth="1"/>
    <col min="1042" max="1042" width="13.625" style="219" customWidth="1"/>
    <col min="1043" max="1056" width="4.875" style="219" customWidth="1"/>
    <col min="1057" max="1057" width="12" style="219" bestFit="1" customWidth="1"/>
    <col min="1058" max="1291" width="9" style="219"/>
    <col min="1292" max="1292" width="4.25" style="219" customWidth="1"/>
    <col min="1293" max="1293" width="25" style="219" customWidth="1"/>
    <col min="1294" max="1294" width="41.625" style="219" customWidth="1"/>
    <col min="1295" max="1295" width="19.625" style="219" customWidth="1"/>
    <col min="1296" max="1296" width="33.875" style="219" customWidth="1"/>
    <col min="1297" max="1297" width="25" style="219" customWidth="1"/>
    <col min="1298" max="1298" width="13.625" style="219" customWidth="1"/>
    <col min="1299" max="1312" width="4.875" style="219" customWidth="1"/>
    <col min="1313" max="1313" width="12" style="219" bestFit="1" customWidth="1"/>
    <col min="1314" max="1547" width="9" style="219"/>
    <col min="1548" max="1548" width="4.25" style="219" customWidth="1"/>
    <col min="1549" max="1549" width="25" style="219" customWidth="1"/>
    <col min="1550" max="1550" width="41.625" style="219" customWidth="1"/>
    <col min="1551" max="1551" width="19.625" style="219" customWidth="1"/>
    <col min="1552" max="1552" width="33.875" style="219" customWidth="1"/>
    <col min="1553" max="1553" width="25" style="219" customWidth="1"/>
    <col min="1554" max="1554" width="13.625" style="219" customWidth="1"/>
    <col min="1555" max="1568" width="4.875" style="219" customWidth="1"/>
    <col min="1569" max="1569" width="12" style="219" bestFit="1" customWidth="1"/>
    <col min="1570" max="1803" width="9" style="219"/>
    <col min="1804" max="1804" width="4.25" style="219" customWidth="1"/>
    <col min="1805" max="1805" width="25" style="219" customWidth="1"/>
    <col min="1806" max="1806" width="41.625" style="219" customWidth="1"/>
    <col min="1807" max="1807" width="19.625" style="219" customWidth="1"/>
    <col min="1808" max="1808" width="33.875" style="219" customWidth="1"/>
    <col min="1809" max="1809" width="25" style="219" customWidth="1"/>
    <col min="1810" max="1810" width="13.625" style="219" customWidth="1"/>
    <col min="1811" max="1824" width="4.875" style="219" customWidth="1"/>
    <col min="1825" max="1825" width="12" style="219" bestFit="1" customWidth="1"/>
    <col min="1826" max="2059" width="9" style="219"/>
    <col min="2060" max="2060" width="4.25" style="219" customWidth="1"/>
    <col min="2061" max="2061" width="25" style="219" customWidth="1"/>
    <col min="2062" max="2062" width="41.625" style="219" customWidth="1"/>
    <col min="2063" max="2063" width="19.625" style="219" customWidth="1"/>
    <col min="2064" max="2064" width="33.875" style="219" customWidth="1"/>
    <col min="2065" max="2065" width="25" style="219" customWidth="1"/>
    <col min="2066" max="2066" width="13.625" style="219" customWidth="1"/>
    <col min="2067" max="2080" width="4.875" style="219" customWidth="1"/>
    <col min="2081" max="2081" width="12" style="219" bestFit="1" customWidth="1"/>
    <col min="2082" max="2315" width="9" style="219"/>
    <col min="2316" max="2316" width="4.25" style="219" customWidth="1"/>
    <col min="2317" max="2317" width="25" style="219" customWidth="1"/>
    <col min="2318" max="2318" width="41.625" style="219" customWidth="1"/>
    <col min="2319" max="2319" width="19.625" style="219" customWidth="1"/>
    <col min="2320" max="2320" width="33.875" style="219" customWidth="1"/>
    <col min="2321" max="2321" width="25" style="219" customWidth="1"/>
    <col min="2322" max="2322" width="13.625" style="219" customWidth="1"/>
    <col min="2323" max="2336" width="4.875" style="219" customWidth="1"/>
    <col min="2337" max="2337" width="12" style="219" bestFit="1" customWidth="1"/>
    <col min="2338" max="2571" width="9" style="219"/>
    <col min="2572" max="2572" width="4.25" style="219" customWidth="1"/>
    <col min="2573" max="2573" width="25" style="219" customWidth="1"/>
    <col min="2574" max="2574" width="41.625" style="219" customWidth="1"/>
    <col min="2575" max="2575" width="19.625" style="219" customWidth="1"/>
    <col min="2576" max="2576" width="33.875" style="219" customWidth="1"/>
    <col min="2577" max="2577" width="25" style="219" customWidth="1"/>
    <col min="2578" max="2578" width="13.625" style="219" customWidth="1"/>
    <col min="2579" max="2592" width="4.875" style="219" customWidth="1"/>
    <col min="2593" max="2593" width="12" style="219" bestFit="1" customWidth="1"/>
    <col min="2594" max="2827" width="9" style="219"/>
    <col min="2828" max="2828" width="4.25" style="219" customWidth="1"/>
    <col min="2829" max="2829" width="25" style="219" customWidth="1"/>
    <col min="2830" max="2830" width="41.625" style="219" customWidth="1"/>
    <col min="2831" max="2831" width="19.625" style="219" customWidth="1"/>
    <col min="2832" max="2832" width="33.875" style="219" customWidth="1"/>
    <col min="2833" max="2833" width="25" style="219" customWidth="1"/>
    <col min="2834" max="2834" width="13.625" style="219" customWidth="1"/>
    <col min="2835" max="2848" width="4.875" style="219" customWidth="1"/>
    <col min="2849" max="2849" width="12" style="219" bestFit="1" customWidth="1"/>
    <col min="2850" max="3083" width="9" style="219"/>
    <col min="3084" max="3084" width="4.25" style="219" customWidth="1"/>
    <col min="3085" max="3085" width="25" style="219" customWidth="1"/>
    <col min="3086" max="3086" width="41.625" style="219" customWidth="1"/>
    <col min="3087" max="3087" width="19.625" style="219" customWidth="1"/>
    <col min="3088" max="3088" width="33.875" style="219" customWidth="1"/>
    <col min="3089" max="3089" width="25" style="219" customWidth="1"/>
    <col min="3090" max="3090" width="13.625" style="219" customWidth="1"/>
    <col min="3091" max="3104" width="4.875" style="219" customWidth="1"/>
    <col min="3105" max="3105" width="12" style="219" bestFit="1" customWidth="1"/>
    <col min="3106" max="3339" width="9" style="219"/>
    <col min="3340" max="3340" width="4.25" style="219" customWidth="1"/>
    <col min="3341" max="3341" width="25" style="219" customWidth="1"/>
    <col min="3342" max="3342" width="41.625" style="219" customWidth="1"/>
    <col min="3343" max="3343" width="19.625" style="219" customWidth="1"/>
    <col min="3344" max="3344" width="33.875" style="219" customWidth="1"/>
    <col min="3345" max="3345" width="25" style="219" customWidth="1"/>
    <col min="3346" max="3346" width="13.625" style="219" customWidth="1"/>
    <col min="3347" max="3360" width="4.875" style="219" customWidth="1"/>
    <col min="3361" max="3361" width="12" style="219" bestFit="1" customWidth="1"/>
    <col min="3362" max="3595" width="9" style="219"/>
    <col min="3596" max="3596" width="4.25" style="219" customWidth="1"/>
    <col min="3597" max="3597" width="25" style="219" customWidth="1"/>
    <col min="3598" max="3598" width="41.625" style="219" customWidth="1"/>
    <col min="3599" max="3599" width="19.625" style="219" customWidth="1"/>
    <col min="3600" max="3600" width="33.875" style="219" customWidth="1"/>
    <col min="3601" max="3601" width="25" style="219" customWidth="1"/>
    <col min="3602" max="3602" width="13.625" style="219" customWidth="1"/>
    <col min="3603" max="3616" width="4.875" style="219" customWidth="1"/>
    <col min="3617" max="3617" width="12" style="219" bestFit="1" customWidth="1"/>
    <col min="3618" max="3851" width="9" style="219"/>
    <col min="3852" max="3852" width="4.25" style="219" customWidth="1"/>
    <col min="3853" max="3853" width="25" style="219" customWidth="1"/>
    <col min="3854" max="3854" width="41.625" style="219" customWidth="1"/>
    <col min="3855" max="3855" width="19.625" style="219" customWidth="1"/>
    <col min="3856" max="3856" width="33.875" style="219" customWidth="1"/>
    <col min="3857" max="3857" width="25" style="219" customWidth="1"/>
    <col min="3858" max="3858" width="13.625" style="219" customWidth="1"/>
    <col min="3859" max="3872" width="4.875" style="219" customWidth="1"/>
    <col min="3873" max="3873" width="12" style="219" bestFit="1" customWidth="1"/>
    <col min="3874" max="4107" width="9" style="219"/>
    <col min="4108" max="4108" width="4.25" style="219" customWidth="1"/>
    <col min="4109" max="4109" width="25" style="219" customWidth="1"/>
    <col min="4110" max="4110" width="41.625" style="219" customWidth="1"/>
    <col min="4111" max="4111" width="19.625" style="219" customWidth="1"/>
    <col min="4112" max="4112" width="33.875" style="219" customWidth="1"/>
    <col min="4113" max="4113" width="25" style="219" customWidth="1"/>
    <col min="4114" max="4114" width="13.625" style="219" customWidth="1"/>
    <col min="4115" max="4128" width="4.875" style="219" customWidth="1"/>
    <col min="4129" max="4129" width="12" style="219" bestFit="1" customWidth="1"/>
    <col min="4130" max="4363" width="9" style="219"/>
    <col min="4364" max="4364" width="4.25" style="219" customWidth="1"/>
    <col min="4365" max="4365" width="25" style="219" customWidth="1"/>
    <col min="4366" max="4366" width="41.625" style="219" customWidth="1"/>
    <col min="4367" max="4367" width="19.625" style="219" customWidth="1"/>
    <col min="4368" max="4368" width="33.875" style="219" customWidth="1"/>
    <col min="4369" max="4369" width="25" style="219" customWidth="1"/>
    <col min="4370" max="4370" width="13.625" style="219" customWidth="1"/>
    <col min="4371" max="4384" width="4.875" style="219" customWidth="1"/>
    <col min="4385" max="4385" width="12" style="219" bestFit="1" customWidth="1"/>
    <col min="4386" max="4619" width="9" style="219"/>
    <col min="4620" max="4620" width="4.25" style="219" customWidth="1"/>
    <col min="4621" max="4621" width="25" style="219" customWidth="1"/>
    <col min="4622" max="4622" width="41.625" style="219" customWidth="1"/>
    <col min="4623" max="4623" width="19.625" style="219" customWidth="1"/>
    <col min="4624" max="4624" width="33.875" style="219" customWidth="1"/>
    <col min="4625" max="4625" width="25" style="219" customWidth="1"/>
    <col min="4626" max="4626" width="13.625" style="219" customWidth="1"/>
    <col min="4627" max="4640" width="4.875" style="219" customWidth="1"/>
    <col min="4641" max="4641" width="12" style="219" bestFit="1" customWidth="1"/>
    <col min="4642" max="4875" width="9" style="219"/>
    <col min="4876" max="4876" width="4.25" style="219" customWidth="1"/>
    <col min="4877" max="4877" width="25" style="219" customWidth="1"/>
    <col min="4878" max="4878" width="41.625" style="219" customWidth="1"/>
    <col min="4879" max="4879" width="19.625" style="219" customWidth="1"/>
    <col min="4880" max="4880" width="33.875" style="219" customWidth="1"/>
    <col min="4881" max="4881" width="25" style="219" customWidth="1"/>
    <col min="4882" max="4882" width="13.625" style="219" customWidth="1"/>
    <col min="4883" max="4896" width="4.875" style="219" customWidth="1"/>
    <col min="4897" max="4897" width="12" style="219" bestFit="1" customWidth="1"/>
    <col min="4898" max="5131" width="9" style="219"/>
    <col min="5132" max="5132" width="4.25" style="219" customWidth="1"/>
    <col min="5133" max="5133" width="25" style="219" customWidth="1"/>
    <col min="5134" max="5134" width="41.625" style="219" customWidth="1"/>
    <col min="5135" max="5135" width="19.625" style="219" customWidth="1"/>
    <col min="5136" max="5136" width="33.875" style="219" customWidth="1"/>
    <col min="5137" max="5137" width="25" style="219" customWidth="1"/>
    <col min="5138" max="5138" width="13.625" style="219" customWidth="1"/>
    <col min="5139" max="5152" width="4.875" style="219" customWidth="1"/>
    <col min="5153" max="5153" width="12" style="219" bestFit="1" customWidth="1"/>
    <col min="5154" max="5387" width="9" style="219"/>
    <col min="5388" max="5388" width="4.25" style="219" customWidth="1"/>
    <col min="5389" max="5389" width="25" style="219" customWidth="1"/>
    <col min="5390" max="5390" width="41.625" style="219" customWidth="1"/>
    <col min="5391" max="5391" width="19.625" style="219" customWidth="1"/>
    <col min="5392" max="5392" width="33.875" style="219" customWidth="1"/>
    <col min="5393" max="5393" width="25" style="219" customWidth="1"/>
    <col min="5394" max="5394" width="13.625" style="219" customWidth="1"/>
    <col min="5395" max="5408" width="4.875" style="219" customWidth="1"/>
    <col min="5409" max="5409" width="12" style="219" bestFit="1" customWidth="1"/>
    <col min="5410" max="5643" width="9" style="219"/>
    <col min="5644" max="5644" width="4.25" style="219" customWidth="1"/>
    <col min="5645" max="5645" width="25" style="219" customWidth="1"/>
    <col min="5646" max="5646" width="41.625" style="219" customWidth="1"/>
    <col min="5647" max="5647" width="19.625" style="219" customWidth="1"/>
    <col min="5648" max="5648" width="33.875" style="219" customWidth="1"/>
    <col min="5649" max="5649" width="25" style="219" customWidth="1"/>
    <col min="5650" max="5650" width="13.625" style="219" customWidth="1"/>
    <col min="5651" max="5664" width="4.875" style="219" customWidth="1"/>
    <col min="5665" max="5665" width="12" style="219" bestFit="1" customWidth="1"/>
    <col min="5666" max="5899" width="9" style="219"/>
    <col min="5900" max="5900" width="4.25" style="219" customWidth="1"/>
    <col min="5901" max="5901" width="25" style="219" customWidth="1"/>
    <col min="5902" max="5902" width="41.625" style="219" customWidth="1"/>
    <col min="5903" max="5903" width="19.625" style="219" customWidth="1"/>
    <col min="5904" max="5904" width="33.875" style="219" customWidth="1"/>
    <col min="5905" max="5905" width="25" style="219" customWidth="1"/>
    <col min="5906" max="5906" width="13.625" style="219" customWidth="1"/>
    <col min="5907" max="5920" width="4.875" style="219" customWidth="1"/>
    <col min="5921" max="5921" width="12" style="219" bestFit="1" customWidth="1"/>
    <col min="5922" max="6155" width="9" style="219"/>
    <col min="6156" max="6156" width="4.25" style="219" customWidth="1"/>
    <col min="6157" max="6157" width="25" style="219" customWidth="1"/>
    <col min="6158" max="6158" width="41.625" style="219" customWidth="1"/>
    <col min="6159" max="6159" width="19.625" style="219" customWidth="1"/>
    <col min="6160" max="6160" width="33.875" style="219" customWidth="1"/>
    <col min="6161" max="6161" width="25" style="219" customWidth="1"/>
    <col min="6162" max="6162" width="13.625" style="219" customWidth="1"/>
    <col min="6163" max="6176" width="4.875" style="219" customWidth="1"/>
    <col min="6177" max="6177" width="12" style="219" bestFit="1" customWidth="1"/>
    <col min="6178" max="6411" width="9" style="219"/>
    <col min="6412" max="6412" width="4.25" style="219" customWidth="1"/>
    <col min="6413" max="6413" width="25" style="219" customWidth="1"/>
    <col min="6414" max="6414" width="41.625" style="219" customWidth="1"/>
    <col min="6415" max="6415" width="19.625" style="219" customWidth="1"/>
    <col min="6416" max="6416" width="33.875" style="219" customWidth="1"/>
    <col min="6417" max="6417" width="25" style="219" customWidth="1"/>
    <col min="6418" max="6418" width="13.625" style="219" customWidth="1"/>
    <col min="6419" max="6432" width="4.875" style="219" customWidth="1"/>
    <col min="6433" max="6433" width="12" style="219" bestFit="1" customWidth="1"/>
    <col min="6434" max="6667" width="9" style="219"/>
    <col min="6668" max="6668" width="4.25" style="219" customWidth="1"/>
    <col min="6669" max="6669" width="25" style="219" customWidth="1"/>
    <col min="6670" max="6670" width="41.625" style="219" customWidth="1"/>
    <col min="6671" max="6671" width="19.625" style="219" customWidth="1"/>
    <col min="6672" max="6672" width="33.875" style="219" customWidth="1"/>
    <col min="6673" max="6673" width="25" style="219" customWidth="1"/>
    <col min="6674" max="6674" width="13.625" style="219" customWidth="1"/>
    <col min="6675" max="6688" width="4.875" style="219" customWidth="1"/>
    <col min="6689" max="6689" width="12" style="219" bestFit="1" customWidth="1"/>
    <col min="6690" max="6923" width="9" style="219"/>
    <col min="6924" max="6924" width="4.25" style="219" customWidth="1"/>
    <col min="6925" max="6925" width="25" style="219" customWidth="1"/>
    <col min="6926" max="6926" width="41.625" style="219" customWidth="1"/>
    <col min="6927" max="6927" width="19.625" style="219" customWidth="1"/>
    <col min="6928" max="6928" width="33.875" style="219" customWidth="1"/>
    <col min="6929" max="6929" width="25" style="219" customWidth="1"/>
    <col min="6930" max="6930" width="13.625" style="219" customWidth="1"/>
    <col min="6931" max="6944" width="4.875" style="219" customWidth="1"/>
    <col min="6945" max="6945" width="12" style="219" bestFit="1" customWidth="1"/>
    <col min="6946" max="7179" width="9" style="219"/>
    <col min="7180" max="7180" width="4.25" style="219" customWidth="1"/>
    <col min="7181" max="7181" width="25" style="219" customWidth="1"/>
    <col min="7182" max="7182" width="41.625" style="219" customWidth="1"/>
    <col min="7183" max="7183" width="19.625" style="219" customWidth="1"/>
    <col min="7184" max="7184" width="33.875" style="219" customWidth="1"/>
    <col min="7185" max="7185" width="25" style="219" customWidth="1"/>
    <col min="7186" max="7186" width="13.625" style="219" customWidth="1"/>
    <col min="7187" max="7200" width="4.875" style="219" customWidth="1"/>
    <col min="7201" max="7201" width="12" style="219" bestFit="1" customWidth="1"/>
    <col min="7202" max="7435" width="9" style="219"/>
    <col min="7436" max="7436" width="4.25" style="219" customWidth="1"/>
    <col min="7437" max="7437" width="25" style="219" customWidth="1"/>
    <col min="7438" max="7438" width="41.625" style="219" customWidth="1"/>
    <col min="7439" max="7439" width="19.625" style="219" customWidth="1"/>
    <col min="7440" max="7440" width="33.875" style="219" customWidth="1"/>
    <col min="7441" max="7441" width="25" style="219" customWidth="1"/>
    <col min="7442" max="7442" width="13.625" style="219" customWidth="1"/>
    <col min="7443" max="7456" width="4.875" style="219" customWidth="1"/>
    <col min="7457" max="7457" width="12" style="219" bestFit="1" customWidth="1"/>
    <col min="7458" max="7691" width="9" style="219"/>
    <col min="7692" max="7692" width="4.25" style="219" customWidth="1"/>
    <col min="7693" max="7693" width="25" style="219" customWidth="1"/>
    <col min="7694" max="7694" width="41.625" style="219" customWidth="1"/>
    <col min="7695" max="7695" width="19.625" style="219" customWidth="1"/>
    <col min="7696" max="7696" width="33.875" style="219" customWidth="1"/>
    <col min="7697" max="7697" width="25" style="219" customWidth="1"/>
    <col min="7698" max="7698" width="13.625" style="219" customWidth="1"/>
    <col min="7699" max="7712" width="4.875" style="219" customWidth="1"/>
    <col min="7713" max="7713" width="12" style="219" bestFit="1" customWidth="1"/>
    <col min="7714" max="7947" width="9" style="219"/>
    <col min="7948" max="7948" width="4.25" style="219" customWidth="1"/>
    <col min="7949" max="7949" width="25" style="219" customWidth="1"/>
    <col min="7950" max="7950" width="41.625" style="219" customWidth="1"/>
    <col min="7951" max="7951" width="19.625" style="219" customWidth="1"/>
    <col min="7952" max="7952" width="33.875" style="219" customWidth="1"/>
    <col min="7953" max="7953" width="25" style="219" customWidth="1"/>
    <col min="7954" max="7954" width="13.625" style="219" customWidth="1"/>
    <col min="7955" max="7968" width="4.875" style="219" customWidth="1"/>
    <col min="7969" max="7969" width="12" style="219" bestFit="1" customWidth="1"/>
    <col min="7970" max="8203" width="9" style="219"/>
    <col min="8204" max="8204" width="4.25" style="219" customWidth="1"/>
    <col min="8205" max="8205" width="25" style="219" customWidth="1"/>
    <col min="8206" max="8206" width="41.625" style="219" customWidth="1"/>
    <col min="8207" max="8207" width="19.625" style="219" customWidth="1"/>
    <col min="8208" max="8208" width="33.875" style="219" customWidth="1"/>
    <col min="8209" max="8209" width="25" style="219" customWidth="1"/>
    <col min="8210" max="8210" width="13.625" style="219" customWidth="1"/>
    <col min="8211" max="8224" width="4.875" style="219" customWidth="1"/>
    <col min="8225" max="8225" width="12" style="219" bestFit="1" customWidth="1"/>
    <col min="8226" max="8459" width="9" style="219"/>
    <col min="8460" max="8460" width="4.25" style="219" customWidth="1"/>
    <col min="8461" max="8461" width="25" style="219" customWidth="1"/>
    <col min="8462" max="8462" width="41.625" style="219" customWidth="1"/>
    <col min="8463" max="8463" width="19.625" style="219" customWidth="1"/>
    <col min="8464" max="8464" width="33.875" style="219" customWidth="1"/>
    <col min="8465" max="8465" width="25" style="219" customWidth="1"/>
    <col min="8466" max="8466" width="13.625" style="219" customWidth="1"/>
    <col min="8467" max="8480" width="4.875" style="219" customWidth="1"/>
    <col min="8481" max="8481" width="12" style="219" bestFit="1" customWidth="1"/>
    <col min="8482" max="8715" width="9" style="219"/>
    <col min="8716" max="8716" width="4.25" style="219" customWidth="1"/>
    <col min="8717" max="8717" width="25" style="219" customWidth="1"/>
    <col min="8718" max="8718" width="41.625" style="219" customWidth="1"/>
    <col min="8719" max="8719" width="19.625" style="219" customWidth="1"/>
    <col min="8720" max="8720" width="33.875" style="219" customWidth="1"/>
    <col min="8721" max="8721" width="25" style="219" customWidth="1"/>
    <col min="8722" max="8722" width="13.625" style="219" customWidth="1"/>
    <col min="8723" max="8736" width="4.875" style="219" customWidth="1"/>
    <col min="8737" max="8737" width="12" style="219" bestFit="1" customWidth="1"/>
    <col min="8738" max="8971" width="9" style="219"/>
    <col min="8972" max="8972" width="4.25" style="219" customWidth="1"/>
    <col min="8973" max="8973" width="25" style="219" customWidth="1"/>
    <col min="8974" max="8974" width="41.625" style="219" customWidth="1"/>
    <col min="8975" max="8975" width="19.625" style="219" customWidth="1"/>
    <col min="8976" max="8976" width="33.875" style="219" customWidth="1"/>
    <col min="8977" max="8977" width="25" style="219" customWidth="1"/>
    <col min="8978" max="8978" width="13.625" style="219" customWidth="1"/>
    <col min="8979" max="8992" width="4.875" style="219" customWidth="1"/>
    <col min="8993" max="8993" width="12" style="219" bestFit="1" customWidth="1"/>
    <col min="8994" max="9227" width="9" style="219"/>
    <col min="9228" max="9228" width="4.25" style="219" customWidth="1"/>
    <col min="9229" max="9229" width="25" style="219" customWidth="1"/>
    <col min="9230" max="9230" width="41.625" style="219" customWidth="1"/>
    <col min="9231" max="9231" width="19.625" style="219" customWidth="1"/>
    <col min="9232" max="9232" width="33.875" style="219" customWidth="1"/>
    <col min="9233" max="9233" width="25" style="219" customWidth="1"/>
    <col min="9234" max="9234" width="13.625" style="219" customWidth="1"/>
    <col min="9235" max="9248" width="4.875" style="219" customWidth="1"/>
    <col min="9249" max="9249" width="12" style="219" bestFit="1" customWidth="1"/>
    <col min="9250" max="9483" width="9" style="219"/>
    <col min="9484" max="9484" width="4.25" style="219" customWidth="1"/>
    <col min="9485" max="9485" width="25" style="219" customWidth="1"/>
    <col min="9486" max="9486" width="41.625" style="219" customWidth="1"/>
    <col min="9487" max="9487" width="19.625" style="219" customWidth="1"/>
    <col min="9488" max="9488" width="33.875" style="219" customWidth="1"/>
    <col min="9489" max="9489" width="25" style="219" customWidth="1"/>
    <col min="9490" max="9490" width="13.625" style="219" customWidth="1"/>
    <col min="9491" max="9504" width="4.875" style="219" customWidth="1"/>
    <col min="9505" max="9505" width="12" style="219" bestFit="1" customWidth="1"/>
    <col min="9506" max="9739" width="9" style="219"/>
    <col min="9740" max="9740" width="4.25" style="219" customWidth="1"/>
    <col min="9741" max="9741" width="25" style="219" customWidth="1"/>
    <col min="9742" max="9742" width="41.625" style="219" customWidth="1"/>
    <col min="9743" max="9743" width="19.625" style="219" customWidth="1"/>
    <col min="9744" max="9744" width="33.875" style="219" customWidth="1"/>
    <col min="9745" max="9745" width="25" style="219" customWidth="1"/>
    <col min="9746" max="9746" width="13.625" style="219" customWidth="1"/>
    <col min="9747" max="9760" width="4.875" style="219" customWidth="1"/>
    <col min="9761" max="9761" width="12" style="219" bestFit="1" customWidth="1"/>
    <col min="9762" max="9995" width="9" style="219"/>
    <col min="9996" max="9996" width="4.25" style="219" customWidth="1"/>
    <col min="9997" max="9997" width="25" style="219" customWidth="1"/>
    <col min="9998" max="9998" width="41.625" style="219" customWidth="1"/>
    <col min="9999" max="9999" width="19.625" style="219" customWidth="1"/>
    <col min="10000" max="10000" width="33.875" style="219" customWidth="1"/>
    <col min="10001" max="10001" width="25" style="219" customWidth="1"/>
    <col min="10002" max="10002" width="13.625" style="219" customWidth="1"/>
    <col min="10003" max="10016" width="4.875" style="219" customWidth="1"/>
    <col min="10017" max="10017" width="12" style="219" bestFit="1" customWidth="1"/>
    <col min="10018" max="10251" width="9" style="219"/>
    <col min="10252" max="10252" width="4.25" style="219" customWidth="1"/>
    <col min="10253" max="10253" width="25" style="219" customWidth="1"/>
    <col min="10254" max="10254" width="41.625" style="219" customWidth="1"/>
    <col min="10255" max="10255" width="19.625" style="219" customWidth="1"/>
    <col min="10256" max="10256" width="33.875" style="219" customWidth="1"/>
    <col min="10257" max="10257" width="25" style="219" customWidth="1"/>
    <col min="10258" max="10258" width="13.625" style="219" customWidth="1"/>
    <col min="10259" max="10272" width="4.875" style="219" customWidth="1"/>
    <col min="10273" max="10273" width="12" style="219" bestFit="1" customWidth="1"/>
    <col min="10274" max="10507" width="9" style="219"/>
    <col min="10508" max="10508" width="4.25" style="219" customWidth="1"/>
    <col min="10509" max="10509" width="25" style="219" customWidth="1"/>
    <col min="10510" max="10510" width="41.625" style="219" customWidth="1"/>
    <col min="10511" max="10511" width="19.625" style="219" customWidth="1"/>
    <col min="10512" max="10512" width="33.875" style="219" customWidth="1"/>
    <col min="10513" max="10513" width="25" style="219" customWidth="1"/>
    <col min="10514" max="10514" width="13.625" style="219" customWidth="1"/>
    <col min="10515" max="10528" width="4.875" style="219" customWidth="1"/>
    <col min="10529" max="10529" width="12" style="219" bestFit="1" customWidth="1"/>
    <col min="10530" max="10763" width="9" style="219"/>
    <col min="10764" max="10764" width="4.25" style="219" customWidth="1"/>
    <col min="10765" max="10765" width="25" style="219" customWidth="1"/>
    <col min="10766" max="10766" width="41.625" style="219" customWidth="1"/>
    <col min="10767" max="10767" width="19.625" style="219" customWidth="1"/>
    <col min="10768" max="10768" width="33.875" style="219" customWidth="1"/>
    <col min="10769" max="10769" width="25" style="219" customWidth="1"/>
    <col min="10770" max="10770" width="13.625" style="219" customWidth="1"/>
    <col min="10771" max="10784" width="4.875" style="219" customWidth="1"/>
    <col min="10785" max="10785" width="12" style="219" bestFit="1" customWidth="1"/>
    <col min="10786" max="11019" width="9" style="219"/>
    <col min="11020" max="11020" width="4.25" style="219" customWidth="1"/>
    <col min="11021" max="11021" width="25" style="219" customWidth="1"/>
    <col min="11022" max="11022" width="41.625" style="219" customWidth="1"/>
    <col min="11023" max="11023" width="19.625" style="219" customWidth="1"/>
    <col min="11024" max="11024" width="33.875" style="219" customWidth="1"/>
    <col min="11025" max="11025" width="25" style="219" customWidth="1"/>
    <col min="11026" max="11026" width="13.625" style="219" customWidth="1"/>
    <col min="11027" max="11040" width="4.875" style="219" customWidth="1"/>
    <col min="11041" max="11041" width="12" style="219" bestFit="1" customWidth="1"/>
    <col min="11042" max="11275" width="9" style="219"/>
    <col min="11276" max="11276" width="4.25" style="219" customWidth="1"/>
    <col min="11277" max="11277" width="25" style="219" customWidth="1"/>
    <col min="11278" max="11278" width="41.625" style="219" customWidth="1"/>
    <col min="11279" max="11279" width="19.625" style="219" customWidth="1"/>
    <col min="11280" max="11280" width="33.875" style="219" customWidth="1"/>
    <col min="11281" max="11281" width="25" style="219" customWidth="1"/>
    <col min="11282" max="11282" width="13.625" style="219" customWidth="1"/>
    <col min="11283" max="11296" width="4.875" style="219" customWidth="1"/>
    <col min="11297" max="11297" width="12" style="219" bestFit="1" customWidth="1"/>
    <col min="11298" max="11531" width="9" style="219"/>
    <col min="11532" max="11532" width="4.25" style="219" customWidth="1"/>
    <col min="11533" max="11533" width="25" style="219" customWidth="1"/>
    <col min="11534" max="11534" width="41.625" style="219" customWidth="1"/>
    <col min="11535" max="11535" width="19.625" style="219" customWidth="1"/>
    <col min="11536" max="11536" width="33.875" style="219" customWidth="1"/>
    <col min="11537" max="11537" width="25" style="219" customWidth="1"/>
    <col min="11538" max="11538" width="13.625" style="219" customWidth="1"/>
    <col min="11539" max="11552" width="4.875" style="219" customWidth="1"/>
    <col min="11553" max="11553" width="12" style="219" bestFit="1" customWidth="1"/>
    <col min="11554" max="11787" width="9" style="219"/>
    <col min="11788" max="11788" width="4.25" style="219" customWidth="1"/>
    <col min="11789" max="11789" width="25" style="219" customWidth="1"/>
    <col min="11790" max="11790" width="41.625" style="219" customWidth="1"/>
    <col min="11791" max="11791" width="19.625" style="219" customWidth="1"/>
    <col min="11792" max="11792" width="33.875" style="219" customWidth="1"/>
    <col min="11793" max="11793" width="25" style="219" customWidth="1"/>
    <col min="11794" max="11794" width="13.625" style="219" customWidth="1"/>
    <col min="11795" max="11808" width="4.875" style="219" customWidth="1"/>
    <col min="11809" max="11809" width="12" style="219" bestFit="1" customWidth="1"/>
    <col min="11810" max="12043" width="9" style="219"/>
    <col min="12044" max="12044" width="4.25" style="219" customWidth="1"/>
    <col min="12045" max="12045" width="25" style="219" customWidth="1"/>
    <col min="12046" max="12046" width="41.625" style="219" customWidth="1"/>
    <col min="12047" max="12047" width="19.625" style="219" customWidth="1"/>
    <col min="12048" max="12048" width="33.875" style="219" customWidth="1"/>
    <col min="12049" max="12049" width="25" style="219" customWidth="1"/>
    <col min="12050" max="12050" width="13.625" style="219" customWidth="1"/>
    <col min="12051" max="12064" width="4.875" style="219" customWidth="1"/>
    <col min="12065" max="12065" width="12" style="219" bestFit="1" customWidth="1"/>
    <col min="12066" max="12299" width="9" style="219"/>
    <col min="12300" max="12300" width="4.25" style="219" customWidth="1"/>
    <col min="12301" max="12301" width="25" style="219" customWidth="1"/>
    <col min="12302" max="12302" width="41.625" style="219" customWidth="1"/>
    <col min="12303" max="12303" width="19.625" style="219" customWidth="1"/>
    <col min="12304" max="12304" width="33.875" style="219" customWidth="1"/>
    <col min="12305" max="12305" width="25" style="219" customWidth="1"/>
    <col min="12306" max="12306" width="13.625" style="219" customWidth="1"/>
    <col min="12307" max="12320" width="4.875" style="219" customWidth="1"/>
    <col min="12321" max="12321" width="12" style="219" bestFit="1" customWidth="1"/>
    <col min="12322" max="12555" width="9" style="219"/>
    <col min="12556" max="12556" width="4.25" style="219" customWidth="1"/>
    <col min="12557" max="12557" width="25" style="219" customWidth="1"/>
    <col min="12558" max="12558" width="41.625" style="219" customWidth="1"/>
    <col min="12559" max="12559" width="19.625" style="219" customWidth="1"/>
    <col min="12560" max="12560" width="33.875" style="219" customWidth="1"/>
    <col min="12561" max="12561" width="25" style="219" customWidth="1"/>
    <col min="12562" max="12562" width="13.625" style="219" customWidth="1"/>
    <col min="12563" max="12576" width="4.875" style="219" customWidth="1"/>
    <col min="12577" max="12577" width="12" style="219" bestFit="1" customWidth="1"/>
    <col min="12578" max="12811" width="9" style="219"/>
    <col min="12812" max="12812" width="4.25" style="219" customWidth="1"/>
    <col min="12813" max="12813" width="25" style="219" customWidth="1"/>
    <col min="12814" max="12814" width="41.625" style="219" customWidth="1"/>
    <col min="12815" max="12815" width="19.625" style="219" customWidth="1"/>
    <col min="12816" max="12816" width="33.875" style="219" customWidth="1"/>
    <col min="12817" max="12817" width="25" style="219" customWidth="1"/>
    <col min="12818" max="12818" width="13.625" style="219" customWidth="1"/>
    <col min="12819" max="12832" width="4.875" style="219" customWidth="1"/>
    <col min="12833" max="12833" width="12" style="219" bestFit="1" customWidth="1"/>
    <col min="12834" max="13067" width="9" style="219"/>
    <col min="13068" max="13068" width="4.25" style="219" customWidth="1"/>
    <col min="13069" max="13069" width="25" style="219" customWidth="1"/>
    <col min="13070" max="13070" width="41.625" style="219" customWidth="1"/>
    <col min="13071" max="13071" width="19.625" style="219" customWidth="1"/>
    <col min="13072" max="13072" width="33.875" style="219" customWidth="1"/>
    <col min="13073" max="13073" width="25" style="219" customWidth="1"/>
    <col min="13074" max="13074" width="13.625" style="219" customWidth="1"/>
    <col min="13075" max="13088" width="4.875" style="219" customWidth="1"/>
    <col min="13089" max="13089" width="12" style="219" bestFit="1" customWidth="1"/>
    <col min="13090" max="13323" width="9" style="219"/>
    <col min="13324" max="13324" width="4.25" style="219" customWidth="1"/>
    <col min="13325" max="13325" width="25" style="219" customWidth="1"/>
    <col min="13326" max="13326" width="41.625" style="219" customWidth="1"/>
    <col min="13327" max="13327" width="19.625" style="219" customWidth="1"/>
    <col min="13328" max="13328" width="33.875" style="219" customWidth="1"/>
    <col min="13329" max="13329" width="25" style="219" customWidth="1"/>
    <col min="13330" max="13330" width="13.625" style="219" customWidth="1"/>
    <col min="13331" max="13344" width="4.875" style="219" customWidth="1"/>
    <col min="13345" max="13345" width="12" style="219" bestFit="1" customWidth="1"/>
    <col min="13346" max="13579" width="9" style="219"/>
    <col min="13580" max="13580" width="4.25" style="219" customWidth="1"/>
    <col min="13581" max="13581" width="25" style="219" customWidth="1"/>
    <col min="13582" max="13582" width="41.625" style="219" customWidth="1"/>
    <col min="13583" max="13583" width="19.625" style="219" customWidth="1"/>
    <col min="13584" max="13584" width="33.875" style="219" customWidth="1"/>
    <col min="13585" max="13585" width="25" style="219" customWidth="1"/>
    <col min="13586" max="13586" width="13.625" style="219" customWidth="1"/>
    <col min="13587" max="13600" width="4.875" style="219" customWidth="1"/>
    <col min="13601" max="13601" width="12" style="219" bestFit="1" customWidth="1"/>
    <col min="13602" max="13835" width="9" style="219"/>
    <col min="13836" max="13836" width="4.25" style="219" customWidth="1"/>
    <col min="13837" max="13837" width="25" style="219" customWidth="1"/>
    <col min="13838" max="13838" width="41.625" style="219" customWidth="1"/>
    <col min="13839" max="13839" width="19.625" style="219" customWidth="1"/>
    <col min="13840" max="13840" width="33.875" style="219" customWidth="1"/>
    <col min="13841" max="13841" width="25" style="219" customWidth="1"/>
    <col min="13842" max="13842" width="13.625" style="219" customWidth="1"/>
    <col min="13843" max="13856" width="4.875" style="219" customWidth="1"/>
    <col min="13857" max="13857" width="12" style="219" bestFit="1" customWidth="1"/>
    <col min="13858" max="14091" width="9" style="219"/>
    <col min="14092" max="14092" width="4.25" style="219" customWidth="1"/>
    <col min="14093" max="14093" width="25" style="219" customWidth="1"/>
    <col min="14094" max="14094" width="41.625" style="219" customWidth="1"/>
    <col min="14095" max="14095" width="19.625" style="219" customWidth="1"/>
    <col min="14096" max="14096" width="33.875" style="219" customWidth="1"/>
    <col min="14097" max="14097" width="25" style="219" customWidth="1"/>
    <col min="14098" max="14098" width="13.625" style="219" customWidth="1"/>
    <col min="14099" max="14112" width="4.875" style="219" customWidth="1"/>
    <col min="14113" max="14113" width="12" style="219" bestFit="1" customWidth="1"/>
    <col min="14114" max="14347" width="9" style="219"/>
    <col min="14348" max="14348" width="4.25" style="219" customWidth="1"/>
    <col min="14349" max="14349" width="25" style="219" customWidth="1"/>
    <col min="14350" max="14350" width="41.625" style="219" customWidth="1"/>
    <col min="14351" max="14351" width="19.625" style="219" customWidth="1"/>
    <col min="14352" max="14352" width="33.875" style="219" customWidth="1"/>
    <col min="14353" max="14353" width="25" style="219" customWidth="1"/>
    <col min="14354" max="14354" width="13.625" style="219" customWidth="1"/>
    <col min="14355" max="14368" width="4.875" style="219" customWidth="1"/>
    <col min="14369" max="14369" width="12" style="219" bestFit="1" customWidth="1"/>
    <col min="14370" max="14603" width="9" style="219"/>
    <col min="14604" max="14604" width="4.25" style="219" customWidth="1"/>
    <col min="14605" max="14605" width="25" style="219" customWidth="1"/>
    <col min="14606" max="14606" width="41.625" style="219" customWidth="1"/>
    <col min="14607" max="14607" width="19.625" style="219" customWidth="1"/>
    <col min="14608" max="14608" width="33.875" style="219" customWidth="1"/>
    <col min="14609" max="14609" width="25" style="219" customWidth="1"/>
    <col min="14610" max="14610" width="13.625" style="219" customWidth="1"/>
    <col min="14611" max="14624" width="4.875" style="219" customWidth="1"/>
    <col min="14625" max="14625" width="12" style="219" bestFit="1" customWidth="1"/>
    <col min="14626" max="14859" width="9" style="219"/>
    <col min="14860" max="14860" width="4.25" style="219" customWidth="1"/>
    <col min="14861" max="14861" width="25" style="219" customWidth="1"/>
    <col min="14862" max="14862" width="41.625" style="219" customWidth="1"/>
    <col min="14863" max="14863" width="19.625" style="219" customWidth="1"/>
    <col min="14864" max="14864" width="33.875" style="219" customWidth="1"/>
    <col min="14865" max="14865" width="25" style="219" customWidth="1"/>
    <col min="14866" max="14866" width="13.625" style="219" customWidth="1"/>
    <col min="14867" max="14880" width="4.875" style="219" customWidth="1"/>
    <col min="14881" max="14881" width="12" style="219" bestFit="1" customWidth="1"/>
    <col min="14882" max="15115" width="9" style="219"/>
    <col min="15116" max="15116" width="4.25" style="219" customWidth="1"/>
    <col min="15117" max="15117" width="25" style="219" customWidth="1"/>
    <col min="15118" max="15118" width="41.625" style="219" customWidth="1"/>
    <col min="15119" max="15119" width="19.625" style="219" customWidth="1"/>
    <col min="15120" max="15120" width="33.875" style="219" customWidth="1"/>
    <col min="15121" max="15121" width="25" style="219" customWidth="1"/>
    <col min="15122" max="15122" width="13.625" style="219" customWidth="1"/>
    <col min="15123" max="15136" width="4.875" style="219" customWidth="1"/>
    <col min="15137" max="15137" width="12" style="219" bestFit="1" customWidth="1"/>
    <col min="15138" max="15371" width="9" style="219"/>
    <col min="15372" max="15372" width="4.25" style="219" customWidth="1"/>
    <col min="15373" max="15373" width="25" style="219" customWidth="1"/>
    <col min="15374" max="15374" width="41.625" style="219" customWidth="1"/>
    <col min="15375" max="15375" width="19.625" style="219" customWidth="1"/>
    <col min="15376" max="15376" width="33.875" style="219" customWidth="1"/>
    <col min="15377" max="15377" width="25" style="219" customWidth="1"/>
    <col min="15378" max="15378" width="13.625" style="219" customWidth="1"/>
    <col min="15379" max="15392" width="4.875" style="219" customWidth="1"/>
    <col min="15393" max="15393" width="12" style="219" bestFit="1" customWidth="1"/>
    <col min="15394" max="15627" width="9" style="219"/>
    <col min="15628" max="15628" width="4.25" style="219" customWidth="1"/>
    <col min="15629" max="15629" width="25" style="219" customWidth="1"/>
    <col min="15630" max="15630" width="41.625" style="219" customWidth="1"/>
    <col min="15631" max="15631" width="19.625" style="219" customWidth="1"/>
    <col min="15632" max="15632" width="33.875" style="219" customWidth="1"/>
    <col min="15633" max="15633" width="25" style="219" customWidth="1"/>
    <col min="15634" max="15634" width="13.625" style="219" customWidth="1"/>
    <col min="15635" max="15648" width="4.875" style="219" customWidth="1"/>
    <col min="15649" max="15649" width="12" style="219" bestFit="1" customWidth="1"/>
    <col min="15650" max="15883" width="9" style="219"/>
    <col min="15884" max="15884" width="4.25" style="219" customWidth="1"/>
    <col min="15885" max="15885" width="25" style="219" customWidth="1"/>
    <col min="15886" max="15886" width="41.625" style="219" customWidth="1"/>
    <col min="15887" max="15887" width="19.625" style="219" customWidth="1"/>
    <col min="15888" max="15888" width="33.875" style="219" customWidth="1"/>
    <col min="15889" max="15889" width="25" style="219" customWidth="1"/>
    <col min="15890" max="15890" width="13.625" style="219" customWidth="1"/>
    <col min="15891" max="15904" width="4.875" style="219" customWidth="1"/>
    <col min="15905" max="15905" width="12" style="219" bestFit="1" customWidth="1"/>
    <col min="15906" max="16139" width="9" style="219"/>
    <col min="16140" max="16140" width="4.25" style="219" customWidth="1"/>
    <col min="16141" max="16141" width="25" style="219" customWidth="1"/>
    <col min="16142" max="16142" width="41.625" style="219" customWidth="1"/>
    <col min="16143" max="16143" width="19.625" style="219" customWidth="1"/>
    <col min="16144" max="16144" width="33.875" style="219" customWidth="1"/>
    <col min="16145" max="16145" width="25" style="219" customWidth="1"/>
    <col min="16146" max="16146" width="13.625" style="219" customWidth="1"/>
    <col min="16147" max="16160" width="4.875" style="219" customWidth="1"/>
    <col min="16161" max="16161" width="12" style="219" bestFit="1" customWidth="1"/>
    <col min="16162" max="16384" width="9" style="219"/>
  </cols>
  <sheetData>
    <row r="2" spans="1:33" ht="20.25" customHeight="1" x14ac:dyDescent="0.15">
      <c r="A2" s="86" t="s">
        <v>163</v>
      </c>
      <c r="B2" s="86"/>
      <c r="C2" s="198"/>
      <c r="D2" s="198"/>
      <c r="E2" s="198"/>
      <c r="F2" s="198"/>
      <c r="G2" s="96"/>
      <c r="H2" s="198"/>
      <c r="I2" s="198"/>
      <c r="J2" s="198"/>
      <c r="K2" s="198"/>
      <c r="L2" s="198"/>
      <c r="M2" s="198"/>
      <c r="N2" s="198"/>
      <c r="O2" s="198"/>
      <c r="P2" s="198"/>
      <c r="Q2" s="198"/>
      <c r="R2" s="198"/>
      <c r="S2" s="198"/>
      <c r="T2" s="198"/>
      <c r="U2" s="198"/>
      <c r="V2" s="198"/>
      <c r="W2" s="198"/>
      <c r="X2" s="198"/>
      <c r="Y2" s="198"/>
      <c r="Z2" s="198"/>
      <c r="AA2" s="198"/>
      <c r="AB2" s="198"/>
      <c r="AC2" s="198"/>
      <c r="AD2" s="198"/>
      <c r="AE2" s="198"/>
      <c r="AF2" s="198"/>
    </row>
    <row r="3" spans="1:33" ht="20.25" customHeight="1" x14ac:dyDescent="0.15">
      <c r="A3" s="278" t="s">
        <v>2</v>
      </c>
      <c r="B3" s="278"/>
      <c r="C3" s="278"/>
      <c r="D3" s="278"/>
      <c r="E3" s="278"/>
      <c r="F3" s="278"/>
      <c r="G3" s="278"/>
      <c r="H3" s="278"/>
      <c r="I3" s="278"/>
      <c r="J3" s="278"/>
      <c r="K3" s="278"/>
      <c r="L3" s="278"/>
      <c r="M3" s="278"/>
      <c r="N3" s="278"/>
      <c r="O3" s="278"/>
      <c r="P3" s="278"/>
      <c r="Q3" s="278"/>
      <c r="R3" s="278"/>
      <c r="S3" s="278"/>
      <c r="T3" s="278"/>
      <c r="U3" s="278"/>
      <c r="V3" s="278"/>
      <c r="W3" s="278"/>
      <c r="X3" s="278"/>
      <c r="Y3" s="278"/>
      <c r="Z3" s="278"/>
      <c r="AA3" s="278"/>
      <c r="AB3" s="278"/>
      <c r="AC3" s="278"/>
      <c r="AD3" s="278"/>
      <c r="AE3" s="278"/>
      <c r="AF3" s="278"/>
    </row>
    <row r="4" spans="1:33" ht="20.25" customHeight="1" x14ac:dyDescent="0.15">
      <c r="A4" s="111"/>
      <c r="B4" s="111"/>
      <c r="C4" s="198"/>
      <c r="D4" s="198"/>
      <c r="E4" s="198"/>
      <c r="F4" s="198"/>
      <c r="G4" s="96"/>
      <c r="H4" s="198"/>
      <c r="I4" s="198"/>
      <c r="J4" s="198"/>
      <c r="K4" s="198"/>
      <c r="L4" s="198"/>
      <c r="M4" s="198"/>
      <c r="N4" s="198"/>
      <c r="O4" s="198"/>
      <c r="P4" s="198"/>
      <c r="Q4" s="198"/>
      <c r="R4" s="198"/>
      <c r="S4" s="198"/>
      <c r="T4" s="198"/>
      <c r="U4" s="198"/>
      <c r="V4" s="198"/>
      <c r="W4" s="198"/>
      <c r="X4" s="198"/>
      <c r="Y4" s="198"/>
      <c r="Z4" s="198"/>
      <c r="AA4" s="198"/>
      <c r="AB4" s="198"/>
      <c r="AC4" s="198"/>
      <c r="AD4" s="198"/>
      <c r="AE4" s="198"/>
      <c r="AF4" s="198"/>
    </row>
    <row r="5" spans="1:33" ht="30" customHeight="1" x14ac:dyDescent="0.15">
      <c r="A5" s="111"/>
      <c r="B5" s="111"/>
      <c r="C5" s="198"/>
      <c r="D5" s="198"/>
      <c r="E5" s="198"/>
      <c r="F5" s="198"/>
      <c r="G5" s="96"/>
      <c r="H5" s="198"/>
      <c r="I5" s="198"/>
      <c r="J5" s="111"/>
      <c r="K5" s="111"/>
      <c r="L5" s="111"/>
      <c r="M5" s="111"/>
      <c r="N5" s="111"/>
      <c r="O5" s="111"/>
      <c r="P5" s="111"/>
      <c r="Q5" s="111"/>
      <c r="R5" s="111"/>
      <c r="S5" s="279" t="s">
        <v>161</v>
      </c>
      <c r="T5" s="280"/>
      <c r="U5" s="280"/>
      <c r="V5" s="281"/>
      <c r="W5" s="186"/>
      <c r="X5" s="187"/>
      <c r="Y5" s="187"/>
      <c r="Z5" s="187"/>
      <c r="AA5" s="187"/>
      <c r="AB5" s="187"/>
      <c r="AC5" s="187"/>
      <c r="AD5" s="187"/>
      <c r="AE5" s="187"/>
      <c r="AF5" s="201"/>
    </row>
    <row r="6" spans="1:33" ht="20.25" customHeight="1" x14ac:dyDescent="0.15">
      <c r="A6" s="111"/>
      <c r="B6" s="111"/>
      <c r="C6" s="198"/>
      <c r="D6" s="198"/>
      <c r="E6" s="198"/>
      <c r="F6" s="198"/>
      <c r="G6" s="96"/>
      <c r="H6" s="198"/>
      <c r="I6" s="198"/>
      <c r="J6" s="198"/>
      <c r="K6" s="198"/>
      <c r="L6" s="198"/>
      <c r="M6" s="198"/>
      <c r="N6" s="198"/>
      <c r="O6" s="198"/>
      <c r="P6" s="198"/>
      <c r="Q6" s="198"/>
      <c r="R6" s="198"/>
      <c r="S6" s="198"/>
      <c r="T6" s="198"/>
      <c r="U6" s="198"/>
      <c r="V6" s="198"/>
      <c r="W6" s="198"/>
      <c r="X6" s="198"/>
      <c r="Y6" s="198"/>
      <c r="Z6" s="198"/>
      <c r="AA6" s="198"/>
      <c r="AB6" s="198"/>
      <c r="AC6" s="198"/>
      <c r="AD6" s="198"/>
      <c r="AE6" s="198"/>
      <c r="AF6" s="198"/>
    </row>
    <row r="7" spans="1:33" ht="18" customHeight="1" x14ac:dyDescent="0.15">
      <c r="A7" s="279" t="s">
        <v>88</v>
      </c>
      <c r="B7" s="280"/>
      <c r="C7" s="281"/>
      <c r="D7" s="279" t="s">
        <v>3</v>
      </c>
      <c r="E7" s="281"/>
      <c r="F7" s="282" t="s">
        <v>89</v>
      </c>
      <c r="G7" s="283"/>
      <c r="H7" s="279" t="s">
        <v>90</v>
      </c>
      <c r="I7" s="280"/>
      <c r="J7" s="280"/>
      <c r="K7" s="280"/>
      <c r="L7" s="280"/>
      <c r="M7" s="280"/>
      <c r="N7" s="280"/>
      <c r="O7" s="280"/>
      <c r="P7" s="280"/>
      <c r="Q7" s="280"/>
      <c r="R7" s="280"/>
      <c r="S7" s="280"/>
      <c r="T7" s="280"/>
      <c r="U7" s="280"/>
      <c r="V7" s="280"/>
      <c r="W7" s="280"/>
      <c r="X7" s="281"/>
      <c r="Y7" s="279" t="s">
        <v>167</v>
      </c>
      <c r="Z7" s="280"/>
      <c r="AA7" s="280"/>
      <c r="AB7" s="281"/>
      <c r="AC7" s="279" t="s">
        <v>91</v>
      </c>
      <c r="AD7" s="280"/>
      <c r="AE7" s="280"/>
      <c r="AF7" s="281"/>
    </row>
    <row r="8" spans="1:33" ht="18.75" customHeight="1" x14ac:dyDescent="0.15">
      <c r="A8" s="264" t="s">
        <v>92</v>
      </c>
      <c r="B8" s="265"/>
      <c r="C8" s="266"/>
      <c r="D8" s="202"/>
      <c r="E8" s="120"/>
      <c r="F8" s="118"/>
      <c r="G8" s="185"/>
      <c r="H8" s="270" t="s">
        <v>93</v>
      </c>
      <c r="I8" s="217" t="s">
        <v>212</v>
      </c>
      <c r="J8" s="103" t="s">
        <v>175</v>
      </c>
      <c r="K8" s="124"/>
      <c r="L8" s="124"/>
      <c r="M8" s="217" t="s">
        <v>212</v>
      </c>
      <c r="N8" s="103" t="s">
        <v>176</v>
      </c>
      <c r="O8" s="124"/>
      <c r="P8" s="124"/>
      <c r="Q8" s="217" t="s">
        <v>212</v>
      </c>
      <c r="R8" s="103" t="s">
        <v>177</v>
      </c>
      <c r="S8" s="124"/>
      <c r="T8" s="124"/>
      <c r="U8" s="217" t="s">
        <v>212</v>
      </c>
      <c r="V8" s="103" t="s">
        <v>178</v>
      </c>
      <c r="W8" s="124"/>
      <c r="X8" s="128"/>
      <c r="Y8" s="272"/>
      <c r="Z8" s="273"/>
      <c r="AA8" s="273"/>
      <c r="AB8" s="274"/>
      <c r="AC8" s="272"/>
      <c r="AD8" s="273"/>
      <c r="AE8" s="273"/>
      <c r="AF8" s="274"/>
    </row>
    <row r="9" spans="1:33" ht="18.75" customHeight="1" x14ac:dyDescent="0.15">
      <c r="A9" s="267"/>
      <c r="B9" s="268"/>
      <c r="C9" s="269"/>
      <c r="D9" s="204"/>
      <c r="E9" s="122"/>
      <c r="F9" s="121"/>
      <c r="G9" s="153"/>
      <c r="H9" s="271"/>
      <c r="I9" s="170" t="s">
        <v>212</v>
      </c>
      <c r="J9" s="91" t="s">
        <v>179</v>
      </c>
      <c r="K9" s="116"/>
      <c r="L9" s="116"/>
      <c r="M9" s="182" t="s">
        <v>212</v>
      </c>
      <c r="N9" s="91" t="s">
        <v>180</v>
      </c>
      <c r="O9" s="116"/>
      <c r="P9" s="116"/>
      <c r="Q9" s="182" t="s">
        <v>212</v>
      </c>
      <c r="R9" s="91" t="s">
        <v>181</v>
      </c>
      <c r="S9" s="116"/>
      <c r="T9" s="116"/>
      <c r="U9" s="182" t="s">
        <v>212</v>
      </c>
      <c r="V9" s="91" t="s">
        <v>182</v>
      </c>
      <c r="W9" s="116"/>
      <c r="X9" s="117"/>
      <c r="Y9" s="275"/>
      <c r="Z9" s="276"/>
      <c r="AA9" s="276"/>
      <c r="AB9" s="277"/>
      <c r="AC9" s="275"/>
      <c r="AD9" s="276"/>
      <c r="AE9" s="276"/>
      <c r="AF9" s="277"/>
    </row>
    <row r="10" spans="1:33" ht="18.75" customHeight="1" x14ac:dyDescent="0.15">
      <c r="A10" s="102"/>
      <c r="B10" s="203"/>
      <c r="C10" s="212"/>
      <c r="D10" s="223"/>
      <c r="E10" s="128"/>
      <c r="F10" s="223"/>
      <c r="G10" s="134"/>
      <c r="H10" s="113" t="s">
        <v>124</v>
      </c>
      <c r="I10" s="217" t="s">
        <v>212</v>
      </c>
      <c r="J10" s="142" t="s">
        <v>184</v>
      </c>
      <c r="K10" s="144"/>
      <c r="L10" s="217" t="s">
        <v>212</v>
      </c>
      <c r="M10" s="142" t="s">
        <v>196</v>
      </c>
      <c r="N10" s="142"/>
      <c r="O10" s="142"/>
      <c r="P10" s="142"/>
      <c r="Q10" s="142"/>
      <c r="R10" s="142"/>
      <c r="S10" s="142"/>
      <c r="T10" s="142"/>
      <c r="U10" s="142"/>
      <c r="V10" s="142"/>
      <c r="W10" s="142"/>
      <c r="X10" s="143"/>
      <c r="Y10" s="217" t="s">
        <v>212</v>
      </c>
      <c r="Z10" s="103" t="s">
        <v>183</v>
      </c>
      <c r="AA10" s="103"/>
      <c r="AB10" s="147"/>
      <c r="AC10" s="217" t="s">
        <v>212</v>
      </c>
      <c r="AD10" s="103" t="s">
        <v>183</v>
      </c>
      <c r="AE10" s="103"/>
      <c r="AF10" s="147"/>
      <c r="AG10" s="97"/>
    </row>
    <row r="11" spans="1:33" ht="18.75" customHeight="1" x14ac:dyDescent="0.15">
      <c r="A11" s="167"/>
      <c r="B11" s="157"/>
      <c r="C11" s="213"/>
      <c r="D11" s="226"/>
      <c r="E11" s="115"/>
      <c r="F11" s="226"/>
      <c r="G11" s="184"/>
      <c r="H11" s="262" t="s">
        <v>101</v>
      </c>
      <c r="I11" s="260" t="s">
        <v>212</v>
      </c>
      <c r="J11" s="256" t="s">
        <v>189</v>
      </c>
      <c r="K11" s="256"/>
      <c r="L11" s="256"/>
      <c r="M11" s="258" t="s">
        <v>212</v>
      </c>
      <c r="N11" s="256" t="s">
        <v>190</v>
      </c>
      <c r="O11" s="256"/>
      <c r="P11" s="256"/>
      <c r="Q11" s="145"/>
      <c r="R11" s="145"/>
      <c r="S11" s="145"/>
      <c r="T11" s="145"/>
      <c r="U11" s="145"/>
      <c r="V11" s="145"/>
      <c r="W11" s="145"/>
      <c r="X11" s="146"/>
      <c r="Y11" s="217" t="s">
        <v>212</v>
      </c>
      <c r="Z11" s="112" t="s">
        <v>188</v>
      </c>
      <c r="AA11" s="108"/>
      <c r="AB11" s="110"/>
      <c r="AC11" s="217" t="s">
        <v>212</v>
      </c>
      <c r="AD11" s="112" t="s">
        <v>188</v>
      </c>
      <c r="AE11" s="108"/>
      <c r="AF11" s="110"/>
    </row>
    <row r="12" spans="1:33" ht="18.75" customHeight="1" x14ac:dyDescent="0.15">
      <c r="A12" s="167"/>
      <c r="B12" s="157"/>
      <c r="C12" s="213"/>
      <c r="D12" s="226"/>
      <c r="E12" s="115"/>
      <c r="F12" s="226"/>
      <c r="G12" s="184"/>
      <c r="H12" s="263"/>
      <c r="I12" s="261"/>
      <c r="J12" s="257"/>
      <c r="K12" s="257"/>
      <c r="L12" s="257"/>
      <c r="M12" s="259"/>
      <c r="N12" s="257"/>
      <c r="O12" s="257"/>
      <c r="P12" s="257"/>
      <c r="Q12" s="131"/>
      <c r="R12" s="131"/>
      <c r="S12" s="131"/>
      <c r="T12" s="131"/>
      <c r="U12" s="131"/>
      <c r="V12" s="131"/>
      <c r="W12" s="131"/>
      <c r="X12" s="132"/>
      <c r="Y12" s="109"/>
      <c r="Z12" s="108"/>
      <c r="AA12" s="108"/>
      <c r="AB12" s="110"/>
      <c r="AC12" s="109"/>
      <c r="AD12" s="108"/>
      <c r="AE12" s="108"/>
      <c r="AF12" s="110"/>
    </row>
    <row r="13" spans="1:33" ht="18.75" customHeight="1" x14ac:dyDescent="0.15">
      <c r="A13" s="167"/>
      <c r="B13" s="157"/>
      <c r="C13" s="213"/>
      <c r="D13" s="226"/>
      <c r="E13" s="115"/>
      <c r="F13" s="226"/>
      <c r="G13" s="184"/>
      <c r="H13" s="262" t="s">
        <v>102</v>
      </c>
      <c r="I13" s="260" t="s">
        <v>212</v>
      </c>
      <c r="J13" s="256" t="s">
        <v>189</v>
      </c>
      <c r="K13" s="256"/>
      <c r="L13" s="256"/>
      <c r="M13" s="258" t="s">
        <v>212</v>
      </c>
      <c r="N13" s="256" t="s">
        <v>190</v>
      </c>
      <c r="O13" s="256"/>
      <c r="P13" s="256"/>
      <c r="Q13" s="145"/>
      <c r="R13" s="145"/>
      <c r="S13" s="145"/>
      <c r="T13" s="145"/>
      <c r="U13" s="145"/>
      <c r="V13" s="145"/>
      <c r="W13" s="145"/>
      <c r="X13" s="146"/>
      <c r="Y13" s="109"/>
      <c r="Z13" s="108"/>
      <c r="AA13" s="108"/>
      <c r="AB13" s="110"/>
      <c r="AC13" s="109"/>
      <c r="AD13" s="108"/>
      <c r="AE13" s="108"/>
      <c r="AF13" s="110"/>
      <c r="AG13" s="97"/>
    </row>
    <row r="14" spans="1:33" ht="18.75" customHeight="1" x14ac:dyDescent="0.15">
      <c r="A14" s="167"/>
      <c r="B14" s="157"/>
      <c r="C14" s="213"/>
      <c r="D14" s="226"/>
      <c r="E14" s="115"/>
      <c r="F14" s="226"/>
      <c r="G14" s="184"/>
      <c r="H14" s="263"/>
      <c r="I14" s="261"/>
      <c r="J14" s="257"/>
      <c r="K14" s="257"/>
      <c r="L14" s="257"/>
      <c r="M14" s="259"/>
      <c r="N14" s="257"/>
      <c r="O14" s="257"/>
      <c r="P14" s="257"/>
      <c r="Q14" s="131"/>
      <c r="R14" s="131"/>
      <c r="S14" s="131"/>
      <c r="T14" s="131"/>
      <c r="U14" s="131"/>
      <c r="V14" s="131"/>
      <c r="W14" s="131"/>
      <c r="X14" s="132"/>
      <c r="Y14" s="109"/>
      <c r="Z14" s="108"/>
      <c r="AA14" s="108"/>
      <c r="AB14" s="110"/>
      <c r="AC14" s="109"/>
      <c r="AD14" s="108"/>
      <c r="AE14" s="108"/>
      <c r="AF14" s="110"/>
      <c r="AG14" s="97"/>
    </row>
    <row r="15" spans="1:33" ht="18.75" customHeight="1" x14ac:dyDescent="0.15">
      <c r="A15" s="167"/>
      <c r="B15" s="157"/>
      <c r="C15" s="213"/>
      <c r="D15" s="226"/>
      <c r="E15" s="115"/>
      <c r="F15" s="226"/>
      <c r="G15" s="184"/>
      <c r="H15" s="114" t="s">
        <v>110</v>
      </c>
      <c r="I15" s="217" t="s">
        <v>212</v>
      </c>
      <c r="J15" s="138" t="s">
        <v>184</v>
      </c>
      <c r="K15" s="136"/>
      <c r="L15" s="217" t="s">
        <v>212</v>
      </c>
      <c r="M15" s="138" t="s">
        <v>196</v>
      </c>
      <c r="N15" s="138"/>
      <c r="O15" s="136"/>
      <c r="P15" s="136"/>
      <c r="Q15" s="136"/>
      <c r="R15" s="136"/>
      <c r="S15" s="136"/>
      <c r="T15" s="136"/>
      <c r="U15" s="136"/>
      <c r="V15" s="136"/>
      <c r="W15" s="136"/>
      <c r="X15" s="137"/>
      <c r="Y15" s="109"/>
      <c r="Z15" s="108"/>
      <c r="AA15" s="108"/>
      <c r="AB15" s="110"/>
      <c r="AC15" s="109"/>
      <c r="AD15" s="108"/>
      <c r="AE15" s="108"/>
      <c r="AF15" s="110"/>
    </row>
    <row r="16" spans="1:33" ht="18.75" customHeight="1" x14ac:dyDescent="0.15">
      <c r="A16" s="216" t="s">
        <v>212</v>
      </c>
      <c r="B16" s="157">
        <v>76</v>
      </c>
      <c r="C16" s="213" t="s">
        <v>225</v>
      </c>
      <c r="D16" s="216" t="s">
        <v>212</v>
      </c>
      <c r="E16" s="115" t="s">
        <v>223</v>
      </c>
      <c r="F16" s="226"/>
      <c r="G16" s="184"/>
      <c r="H16" s="114" t="s">
        <v>94</v>
      </c>
      <c r="I16" s="172" t="s">
        <v>212</v>
      </c>
      <c r="J16" s="138" t="s">
        <v>194</v>
      </c>
      <c r="K16" s="136"/>
      <c r="L16" s="165"/>
      <c r="M16" s="217" t="s">
        <v>212</v>
      </c>
      <c r="N16" s="138" t="s">
        <v>195</v>
      </c>
      <c r="O16" s="126"/>
      <c r="P16" s="126"/>
      <c r="Q16" s="136"/>
      <c r="R16" s="136"/>
      <c r="S16" s="136"/>
      <c r="T16" s="136"/>
      <c r="U16" s="136"/>
      <c r="V16" s="136"/>
      <c r="W16" s="136"/>
      <c r="X16" s="137"/>
      <c r="Y16" s="109"/>
      <c r="Z16" s="108"/>
      <c r="AA16" s="108"/>
      <c r="AB16" s="110"/>
      <c r="AC16" s="109"/>
      <c r="AD16" s="108"/>
      <c r="AE16" s="108"/>
      <c r="AF16" s="110"/>
    </row>
    <row r="17" spans="1:32" ht="18.75" customHeight="1" x14ac:dyDescent="0.15">
      <c r="A17" s="167"/>
      <c r="B17" s="157"/>
      <c r="C17" s="213" t="s">
        <v>226</v>
      </c>
      <c r="D17" s="216" t="s">
        <v>212</v>
      </c>
      <c r="E17" s="115" t="s">
        <v>224</v>
      </c>
      <c r="F17" s="226"/>
      <c r="G17" s="184"/>
      <c r="H17" s="114" t="s">
        <v>95</v>
      </c>
      <c r="I17" s="172" t="s">
        <v>212</v>
      </c>
      <c r="J17" s="138" t="s">
        <v>184</v>
      </c>
      <c r="K17" s="136"/>
      <c r="L17" s="173" t="s">
        <v>212</v>
      </c>
      <c r="M17" s="138" t="s">
        <v>196</v>
      </c>
      <c r="N17" s="138"/>
      <c r="O17" s="136"/>
      <c r="P17" s="136"/>
      <c r="Q17" s="136"/>
      <c r="R17" s="136"/>
      <c r="S17" s="136"/>
      <c r="T17" s="136"/>
      <c r="U17" s="136"/>
      <c r="V17" s="136"/>
      <c r="W17" s="136"/>
      <c r="X17" s="137"/>
      <c r="Y17" s="109"/>
      <c r="Z17" s="108"/>
      <c r="AA17" s="108"/>
      <c r="AB17" s="110"/>
      <c r="AC17" s="109"/>
      <c r="AD17" s="108"/>
      <c r="AE17" s="108"/>
      <c r="AF17" s="110"/>
    </row>
    <row r="18" spans="1:32" ht="18.75" customHeight="1" x14ac:dyDescent="0.15">
      <c r="A18" s="167"/>
      <c r="B18" s="157"/>
      <c r="C18" s="213"/>
      <c r="D18" s="226"/>
      <c r="E18" s="115"/>
      <c r="F18" s="226"/>
      <c r="G18" s="184"/>
      <c r="H18" s="114" t="s">
        <v>119</v>
      </c>
      <c r="I18" s="172" t="s">
        <v>212</v>
      </c>
      <c r="J18" s="138" t="s">
        <v>184</v>
      </c>
      <c r="K18" s="136"/>
      <c r="L18" s="173" t="s">
        <v>212</v>
      </c>
      <c r="M18" s="138" t="s">
        <v>196</v>
      </c>
      <c r="N18" s="138"/>
      <c r="O18" s="136"/>
      <c r="P18" s="136"/>
      <c r="Q18" s="136"/>
      <c r="R18" s="136"/>
      <c r="S18" s="136"/>
      <c r="T18" s="136"/>
      <c r="U18" s="136"/>
      <c r="V18" s="136"/>
      <c r="W18" s="136"/>
      <c r="X18" s="137"/>
      <c r="Y18" s="109"/>
      <c r="Z18" s="108"/>
      <c r="AA18" s="108"/>
      <c r="AB18" s="110"/>
      <c r="AC18" s="109"/>
      <c r="AD18" s="108"/>
      <c r="AE18" s="108"/>
      <c r="AF18" s="110"/>
    </row>
    <row r="19" spans="1:32" ht="18.75" customHeight="1" x14ac:dyDescent="0.15">
      <c r="A19" s="167"/>
      <c r="B19" s="157"/>
      <c r="C19" s="213"/>
      <c r="D19" s="226"/>
      <c r="E19" s="115"/>
      <c r="F19" s="226"/>
      <c r="G19" s="184"/>
      <c r="H19" s="161" t="s">
        <v>104</v>
      </c>
      <c r="I19" s="174" t="s">
        <v>212</v>
      </c>
      <c r="J19" s="138" t="s">
        <v>184</v>
      </c>
      <c r="K19" s="138"/>
      <c r="L19" s="173" t="s">
        <v>212</v>
      </c>
      <c r="M19" s="138" t="s">
        <v>185</v>
      </c>
      <c r="N19" s="138"/>
      <c r="O19" s="173" t="s">
        <v>212</v>
      </c>
      <c r="P19" s="138" t="s">
        <v>186</v>
      </c>
      <c r="Q19" s="126"/>
      <c r="R19" s="136"/>
      <c r="S19" s="136"/>
      <c r="T19" s="136"/>
      <c r="U19" s="136"/>
      <c r="V19" s="136"/>
      <c r="W19" s="136"/>
      <c r="X19" s="137"/>
      <c r="Y19" s="109"/>
      <c r="Z19" s="108"/>
      <c r="AA19" s="108"/>
      <c r="AB19" s="110"/>
      <c r="AC19" s="109"/>
      <c r="AD19" s="108"/>
      <c r="AE19" s="108"/>
      <c r="AF19" s="110"/>
    </row>
    <row r="20" spans="1:32" ht="18.75" customHeight="1" x14ac:dyDescent="0.15">
      <c r="A20" s="167"/>
      <c r="B20" s="157"/>
      <c r="C20" s="213"/>
      <c r="D20" s="226"/>
      <c r="E20" s="115"/>
      <c r="F20" s="226"/>
      <c r="G20" s="184"/>
      <c r="H20" s="114" t="s">
        <v>105</v>
      </c>
      <c r="I20" s="172" t="s">
        <v>212</v>
      </c>
      <c r="J20" s="138" t="s">
        <v>184</v>
      </c>
      <c r="K20" s="138"/>
      <c r="L20" s="173" t="s">
        <v>212</v>
      </c>
      <c r="M20" s="138" t="s">
        <v>191</v>
      </c>
      <c r="N20" s="138"/>
      <c r="O20" s="173" t="s">
        <v>212</v>
      </c>
      <c r="P20" s="138" t="s">
        <v>192</v>
      </c>
      <c r="Q20" s="207"/>
      <c r="R20" s="173" t="s">
        <v>212</v>
      </c>
      <c r="S20" s="138" t="s">
        <v>202</v>
      </c>
      <c r="T20" s="138"/>
      <c r="U20" s="138"/>
      <c r="V20" s="138"/>
      <c r="W20" s="138"/>
      <c r="X20" s="139"/>
      <c r="Y20" s="109"/>
      <c r="Z20" s="108"/>
      <c r="AA20" s="108"/>
      <c r="AB20" s="110"/>
      <c r="AC20" s="109"/>
      <c r="AD20" s="108"/>
      <c r="AE20" s="108"/>
      <c r="AF20" s="110"/>
    </row>
    <row r="21" spans="1:32" ht="18.75" customHeight="1" x14ac:dyDescent="0.15">
      <c r="A21" s="167"/>
      <c r="B21" s="157"/>
      <c r="C21" s="213"/>
      <c r="D21" s="226"/>
      <c r="E21" s="115"/>
      <c r="F21" s="226"/>
      <c r="G21" s="184"/>
      <c r="H21" s="114" t="s">
        <v>109</v>
      </c>
      <c r="I21" s="172" t="s">
        <v>212</v>
      </c>
      <c r="J21" s="138" t="s">
        <v>184</v>
      </c>
      <c r="K21" s="138"/>
      <c r="L21" s="173" t="s">
        <v>212</v>
      </c>
      <c r="M21" s="138" t="s">
        <v>191</v>
      </c>
      <c r="N21" s="138"/>
      <c r="O21" s="173" t="s">
        <v>212</v>
      </c>
      <c r="P21" s="138" t="s">
        <v>192</v>
      </c>
      <c r="Q21" s="126"/>
      <c r="R21" s="173" t="s">
        <v>212</v>
      </c>
      <c r="S21" s="138" t="s">
        <v>193</v>
      </c>
      <c r="T21" s="126"/>
      <c r="U21" s="126"/>
      <c r="V21" s="126"/>
      <c r="W21" s="126"/>
      <c r="X21" s="164"/>
      <c r="Y21" s="109"/>
      <c r="Z21" s="108"/>
      <c r="AA21" s="108"/>
      <c r="AB21" s="110"/>
      <c r="AC21" s="109"/>
      <c r="AD21" s="108"/>
      <c r="AE21" s="108"/>
      <c r="AF21" s="110"/>
    </row>
    <row r="22" spans="1:32" ht="18.75" customHeight="1" x14ac:dyDescent="0.15">
      <c r="A22" s="167"/>
      <c r="B22" s="157"/>
      <c r="C22" s="213"/>
      <c r="D22" s="226"/>
      <c r="E22" s="115"/>
      <c r="F22" s="226"/>
      <c r="G22" s="184"/>
      <c r="H22" s="220" t="s">
        <v>279</v>
      </c>
      <c r="I22" s="208" t="s">
        <v>212</v>
      </c>
      <c r="J22" s="140" t="s">
        <v>280</v>
      </c>
      <c r="K22" s="140"/>
      <c r="L22" s="210" t="s">
        <v>212</v>
      </c>
      <c r="M22" s="140" t="s">
        <v>281</v>
      </c>
      <c r="N22" s="140"/>
      <c r="O22" s="210" t="s">
        <v>212</v>
      </c>
      <c r="P22" s="140" t="s">
        <v>282</v>
      </c>
      <c r="Q22" s="129"/>
      <c r="R22" s="210"/>
      <c r="S22" s="140"/>
      <c r="T22" s="129"/>
      <c r="U22" s="129"/>
      <c r="V22" s="129"/>
      <c r="W22" s="129"/>
      <c r="X22" s="130"/>
      <c r="Y22" s="109"/>
      <c r="Z22" s="108"/>
      <c r="AA22" s="108"/>
      <c r="AB22" s="110"/>
      <c r="AC22" s="109"/>
      <c r="AD22" s="108"/>
      <c r="AE22" s="108"/>
      <c r="AF22" s="110"/>
    </row>
    <row r="23" spans="1:32" ht="18.75" customHeight="1" x14ac:dyDescent="0.15">
      <c r="A23" s="168"/>
      <c r="B23" s="205"/>
      <c r="C23" s="214"/>
      <c r="D23" s="221"/>
      <c r="E23" s="117"/>
      <c r="F23" s="221"/>
      <c r="G23" s="183"/>
      <c r="H23" s="236" t="s">
        <v>283</v>
      </c>
      <c r="I23" s="230" t="s">
        <v>212</v>
      </c>
      <c r="J23" s="231" t="s">
        <v>184</v>
      </c>
      <c r="K23" s="231"/>
      <c r="L23" s="232" t="s">
        <v>212</v>
      </c>
      <c r="M23" s="231" t="s">
        <v>196</v>
      </c>
      <c r="N23" s="231"/>
      <c r="O23" s="231"/>
      <c r="P23" s="231"/>
      <c r="Q23" s="233"/>
      <c r="R23" s="233"/>
      <c r="S23" s="233"/>
      <c r="T23" s="233"/>
      <c r="U23" s="233"/>
      <c r="V23" s="233"/>
      <c r="W23" s="233"/>
      <c r="X23" s="234"/>
      <c r="Y23" s="148"/>
      <c r="Z23" s="149"/>
      <c r="AA23" s="149"/>
      <c r="AB23" s="150"/>
      <c r="AC23" s="148"/>
      <c r="AD23" s="149"/>
      <c r="AE23" s="149"/>
      <c r="AF23" s="150"/>
    </row>
  </sheetData>
  <mergeCells count="22">
    <mergeCell ref="A8:C9"/>
    <mergeCell ref="H8:H9"/>
    <mergeCell ref="Y8:AB9"/>
    <mergeCell ref="AC8:AF9"/>
    <mergeCell ref="A3:AF3"/>
    <mergeCell ref="S5:V5"/>
    <mergeCell ref="A7:C7"/>
    <mergeCell ref="D7:E7"/>
    <mergeCell ref="F7:G7"/>
    <mergeCell ref="H7:X7"/>
    <mergeCell ref="Y7:AB7"/>
    <mergeCell ref="AC7:AF7"/>
    <mergeCell ref="H13:H14"/>
    <mergeCell ref="I13:I14"/>
    <mergeCell ref="J13:L14"/>
    <mergeCell ref="M13:M14"/>
    <mergeCell ref="N13:P14"/>
    <mergeCell ref="N11:P12"/>
    <mergeCell ref="M11:M12"/>
    <mergeCell ref="J11:L12"/>
    <mergeCell ref="I11:I12"/>
    <mergeCell ref="H11:H12"/>
  </mergeCells>
  <phoneticPr fontId="3"/>
  <dataValidations count="1">
    <dataValidation type="list" allowBlank="1" showInputMessage="1" showErrorMessage="1" sqref="M8:M9 Q8:Q9 U8:U9 L10 M11:M14 L15 M16 L17:L23 R20:R22 I8:I23 O19:O22 Y10:Y11 AC10:AC11 D16:D17 A16" xr:uid="{00000000-0002-0000-0000-000000000000}">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44" fitToHeight="0" orientation="landscape" cellComments="asDisplayed"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rgb="FFFFFF00"/>
    <pageSetUpPr fitToPage="1"/>
  </sheetPr>
  <dimension ref="A2:AG40"/>
  <sheetViews>
    <sheetView view="pageBreakPreview" zoomScale="70" zoomScaleNormal="70" zoomScaleSheetLayoutView="70" workbookViewId="0">
      <selection activeCell="A41" sqref="A41:XFD365"/>
    </sheetView>
  </sheetViews>
  <sheetFormatPr defaultRowHeight="20.25" customHeight="1" x14ac:dyDescent="0.15"/>
  <cols>
    <col min="1" max="2" width="4.25" style="225" customWidth="1"/>
    <col min="3" max="3" width="25" style="219" customWidth="1"/>
    <col min="4" max="4" width="4.875" style="219" customWidth="1"/>
    <col min="5" max="5" width="41.625" style="219" customWidth="1"/>
    <col min="6" max="6" width="4.875" style="219" customWidth="1"/>
    <col min="7" max="7" width="19.625" style="95" customWidth="1"/>
    <col min="8" max="8" width="33.875" style="219" customWidth="1"/>
    <col min="9" max="32" width="4.875" style="219" customWidth="1"/>
    <col min="33" max="33" width="12" style="219" bestFit="1" customWidth="1"/>
    <col min="34" max="267" width="9" style="219"/>
    <col min="268" max="268" width="4.25" style="219" customWidth="1"/>
    <col min="269" max="269" width="25" style="219" customWidth="1"/>
    <col min="270" max="270" width="41.625" style="219" customWidth="1"/>
    <col min="271" max="271" width="19.625" style="219" customWidth="1"/>
    <col min="272" max="272" width="33.875" style="219" customWidth="1"/>
    <col min="273" max="273" width="25" style="219" customWidth="1"/>
    <col min="274" max="274" width="13.625" style="219" customWidth="1"/>
    <col min="275" max="288" width="4.875" style="219" customWidth="1"/>
    <col min="289" max="289" width="12" style="219" bestFit="1" customWidth="1"/>
    <col min="290" max="523" width="9" style="219"/>
    <col min="524" max="524" width="4.25" style="219" customWidth="1"/>
    <col min="525" max="525" width="25" style="219" customWidth="1"/>
    <col min="526" max="526" width="41.625" style="219" customWidth="1"/>
    <col min="527" max="527" width="19.625" style="219" customWidth="1"/>
    <col min="528" max="528" width="33.875" style="219" customWidth="1"/>
    <col min="529" max="529" width="25" style="219" customWidth="1"/>
    <col min="530" max="530" width="13.625" style="219" customWidth="1"/>
    <col min="531" max="544" width="4.875" style="219" customWidth="1"/>
    <col min="545" max="545" width="12" style="219" bestFit="1" customWidth="1"/>
    <col min="546" max="779" width="9" style="219"/>
    <col min="780" max="780" width="4.25" style="219" customWidth="1"/>
    <col min="781" max="781" width="25" style="219" customWidth="1"/>
    <col min="782" max="782" width="41.625" style="219" customWidth="1"/>
    <col min="783" max="783" width="19.625" style="219" customWidth="1"/>
    <col min="784" max="784" width="33.875" style="219" customWidth="1"/>
    <col min="785" max="785" width="25" style="219" customWidth="1"/>
    <col min="786" max="786" width="13.625" style="219" customWidth="1"/>
    <col min="787" max="800" width="4.875" style="219" customWidth="1"/>
    <col min="801" max="801" width="12" style="219" bestFit="1" customWidth="1"/>
    <col min="802" max="1035" width="9" style="219"/>
    <col min="1036" max="1036" width="4.25" style="219" customWidth="1"/>
    <col min="1037" max="1037" width="25" style="219" customWidth="1"/>
    <col min="1038" max="1038" width="41.625" style="219" customWidth="1"/>
    <col min="1039" max="1039" width="19.625" style="219" customWidth="1"/>
    <col min="1040" max="1040" width="33.875" style="219" customWidth="1"/>
    <col min="1041" max="1041" width="25" style="219" customWidth="1"/>
    <col min="1042" max="1042" width="13.625" style="219" customWidth="1"/>
    <col min="1043" max="1056" width="4.875" style="219" customWidth="1"/>
    <col min="1057" max="1057" width="12" style="219" bestFit="1" customWidth="1"/>
    <col min="1058" max="1291" width="9" style="219"/>
    <col min="1292" max="1292" width="4.25" style="219" customWidth="1"/>
    <col min="1293" max="1293" width="25" style="219" customWidth="1"/>
    <col min="1294" max="1294" width="41.625" style="219" customWidth="1"/>
    <col min="1295" max="1295" width="19.625" style="219" customWidth="1"/>
    <col min="1296" max="1296" width="33.875" style="219" customWidth="1"/>
    <col min="1297" max="1297" width="25" style="219" customWidth="1"/>
    <col min="1298" max="1298" width="13.625" style="219" customWidth="1"/>
    <col min="1299" max="1312" width="4.875" style="219" customWidth="1"/>
    <col min="1313" max="1313" width="12" style="219" bestFit="1" customWidth="1"/>
    <col min="1314" max="1547" width="9" style="219"/>
    <col min="1548" max="1548" width="4.25" style="219" customWidth="1"/>
    <col min="1549" max="1549" width="25" style="219" customWidth="1"/>
    <col min="1550" max="1550" width="41.625" style="219" customWidth="1"/>
    <col min="1551" max="1551" width="19.625" style="219" customWidth="1"/>
    <col min="1552" max="1552" width="33.875" style="219" customWidth="1"/>
    <col min="1553" max="1553" width="25" style="219" customWidth="1"/>
    <col min="1554" max="1554" width="13.625" style="219" customWidth="1"/>
    <col min="1555" max="1568" width="4.875" style="219" customWidth="1"/>
    <col min="1569" max="1569" width="12" style="219" bestFit="1" customWidth="1"/>
    <col min="1570" max="1803" width="9" style="219"/>
    <col min="1804" max="1804" width="4.25" style="219" customWidth="1"/>
    <col min="1805" max="1805" width="25" style="219" customWidth="1"/>
    <col min="1806" max="1806" width="41.625" style="219" customWidth="1"/>
    <col min="1807" max="1807" width="19.625" style="219" customWidth="1"/>
    <col min="1808" max="1808" width="33.875" style="219" customWidth="1"/>
    <col min="1809" max="1809" width="25" style="219" customWidth="1"/>
    <col min="1810" max="1810" width="13.625" style="219" customWidth="1"/>
    <col min="1811" max="1824" width="4.875" style="219" customWidth="1"/>
    <col min="1825" max="1825" width="12" style="219" bestFit="1" customWidth="1"/>
    <col min="1826" max="2059" width="9" style="219"/>
    <col min="2060" max="2060" width="4.25" style="219" customWidth="1"/>
    <col min="2061" max="2061" width="25" style="219" customWidth="1"/>
    <col min="2062" max="2062" width="41.625" style="219" customWidth="1"/>
    <col min="2063" max="2063" width="19.625" style="219" customWidth="1"/>
    <col min="2064" max="2064" width="33.875" style="219" customWidth="1"/>
    <col min="2065" max="2065" width="25" style="219" customWidth="1"/>
    <col min="2066" max="2066" width="13.625" style="219" customWidth="1"/>
    <col min="2067" max="2080" width="4.875" style="219" customWidth="1"/>
    <col min="2081" max="2081" width="12" style="219" bestFit="1" customWidth="1"/>
    <col min="2082" max="2315" width="9" style="219"/>
    <col min="2316" max="2316" width="4.25" style="219" customWidth="1"/>
    <col min="2317" max="2317" width="25" style="219" customWidth="1"/>
    <col min="2318" max="2318" width="41.625" style="219" customWidth="1"/>
    <col min="2319" max="2319" width="19.625" style="219" customWidth="1"/>
    <col min="2320" max="2320" width="33.875" style="219" customWidth="1"/>
    <col min="2321" max="2321" width="25" style="219" customWidth="1"/>
    <col min="2322" max="2322" width="13.625" style="219" customWidth="1"/>
    <col min="2323" max="2336" width="4.875" style="219" customWidth="1"/>
    <col min="2337" max="2337" width="12" style="219" bestFit="1" customWidth="1"/>
    <col min="2338" max="2571" width="9" style="219"/>
    <col min="2572" max="2572" width="4.25" style="219" customWidth="1"/>
    <col min="2573" max="2573" width="25" style="219" customWidth="1"/>
    <col min="2574" max="2574" width="41.625" style="219" customWidth="1"/>
    <col min="2575" max="2575" width="19.625" style="219" customWidth="1"/>
    <col min="2576" max="2576" width="33.875" style="219" customWidth="1"/>
    <col min="2577" max="2577" width="25" style="219" customWidth="1"/>
    <col min="2578" max="2578" width="13.625" style="219" customWidth="1"/>
    <col min="2579" max="2592" width="4.875" style="219" customWidth="1"/>
    <col min="2593" max="2593" width="12" style="219" bestFit="1" customWidth="1"/>
    <col min="2594" max="2827" width="9" style="219"/>
    <col min="2828" max="2828" width="4.25" style="219" customWidth="1"/>
    <col min="2829" max="2829" width="25" style="219" customWidth="1"/>
    <col min="2830" max="2830" width="41.625" style="219" customWidth="1"/>
    <col min="2831" max="2831" width="19.625" style="219" customWidth="1"/>
    <col min="2832" max="2832" width="33.875" style="219" customWidth="1"/>
    <col min="2833" max="2833" width="25" style="219" customWidth="1"/>
    <col min="2834" max="2834" width="13.625" style="219" customWidth="1"/>
    <col min="2835" max="2848" width="4.875" style="219" customWidth="1"/>
    <col min="2849" max="2849" width="12" style="219" bestFit="1" customWidth="1"/>
    <col min="2850" max="3083" width="9" style="219"/>
    <col min="3084" max="3084" width="4.25" style="219" customWidth="1"/>
    <col min="3085" max="3085" width="25" style="219" customWidth="1"/>
    <col min="3086" max="3086" width="41.625" style="219" customWidth="1"/>
    <col min="3087" max="3087" width="19.625" style="219" customWidth="1"/>
    <col min="3088" max="3088" width="33.875" style="219" customWidth="1"/>
    <col min="3089" max="3089" width="25" style="219" customWidth="1"/>
    <col min="3090" max="3090" width="13.625" style="219" customWidth="1"/>
    <col min="3091" max="3104" width="4.875" style="219" customWidth="1"/>
    <col min="3105" max="3105" width="12" style="219" bestFit="1" customWidth="1"/>
    <col min="3106" max="3339" width="9" style="219"/>
    <col min="3340" max="3340" width="4.25" style="219" customWidth="1"/>
    <col min="3341" max="3341" width="25" style="219" customWidth="1"/>
    <col min="3342" max="3342" width="41.625" style="219" customWidth="1"/>
    <col min="3343" max="3343" width="19.625" style="219" customWidth="1"/>
    <col min="3344" max="3344" width="33.875" style="219" customWidth="1"/>
    <col min="3345" max="3345" width="25" style="219" customWidth="1"/>
    <col min="3346" max="3346" width="13.625" style="219" customWidth="1"/>
    <col min="3347" max="3360" width="4.875" style="219" customWidth="1"/>
    <col min="3361" max="3361" width="12" style="219" bestFit="1" customWidth="1"/>
    <col min="3362" max="3595" width="9" style="219"/>
    <col min="3596" max="3596" width="4.25" style="219" customWidth="1"/>
    <col min="3597" max="3597" width="25" style="219" customWidth="1"/>
    <col min="3598" max="3598" width="41.625" style="219" customWidth="1"/>
    <col min="3599" max="3599" width="19.625" style="219" customWidth="1"/>
    <col min="3600" max="3600" width="33.875" style="219" customWidth="1"/>
    <col min="3601" max="3601" width="25" style="219" customWidth="1"/>
    <col min="3602" max="3602" width="13.625" style="219" customWidth="1"/>
    <col min="3603" max="3616" width="4.875" style="219" customWidth="1"/>
    <col min="3617" max="3617" width="12" style="219" bestFit="1" customWidth="1"/>
    <col min="3618" max="3851" width="9" style="219"/>
    <col min="3852" max="3852" width="4.25" style="219" customWidth="1"/>
    <col min="3853" max="3853" width="25" style="219" customWidth="1"/>
    <col min="3854" max="3854" width="41.625" style="219" customWidth="1"/>
    <col min="3855" max="3855" width="19.625" style="219" customWidth="1"/>
    <col min="3856" max="3856" width="33.875" style="219" customWidth="1"/>
    <col min="3857" max="3857" width="25" style="219" customWidth="1"/>
    <col min="3858" max="3858" width="13.625" style="219" customWidth="1"/>
    <col min="3859" max="3872" width="4.875" style="219" customWidth="1"/>
    <col min="3873" max="3873" width="12" style="219" bestFit="1" customWidth="1"/>
    <col min="3874" max="4107" width="9" style="219"/>
    <col min="4108" max="4108" width="4.25" style="219" customWidth="1"/>
    <col min="4109" max="4109" width="25" style="219" customWidth="1"/>
    <col min="4110" max="4110" width="41.625" style="219" customWidth="1"/>
    <col min="4111" max="4111" width="19.625" style="219" customWidth="1"/>
    <col min="4112" max="4112" width="33.875" style="219" customWidth="1"/>
    <col min="4113" max="4113" width="25" style="219" customWidth="1"/>
    <col min="4114" max="4114" width="13.625" style="219" customWidth="1"/>
    <col min="4115" max="4128" width="4.875" style="219" customWidth="1"/>
    <col min="4129" max="4129" width="12" style="219" bestFit="1" customWidth="1"/>
    <col min="4130" max="4363" width="9" style="219"/>
    <col min="4364" max="4364" width="4.25" style="219" customWidth="1"/>
    <col min="4365" max="4365" width="25" style="219" customWidth="1"/>
    <col min="4366" max="4366" width="41.625" style="219" customWidth="1"/>
    <col min="4367" max="4367" width="19.625" style="219" customWidth="1"/>
    <col min="4368" max="4368" width="33.875" style="219" customWidth="1"/>
    <col min="4369" max="4369" width="25" style="219" customWidth="1"/>
    <col min="4370" max="4370" width="13.625" style="219" customWidth="1"/>
    <col min="4371" max="4384" width="4.875" style="219" customWidth="1"/>
    <col min="4385" max="4385" width="12" style="219" bestFit="1" customWidth="1"/>
    <col min="4386" max="4619" width="9" style="219"/>
    <col min="4620" max="4620" width="4.25" style="219" customWidth="1"/>
    <col min="4621" max="4621" width="25" style="219" customWidth="1"/>
    <col min="4622" max="4622" width="41.625" style="219" customWidth="1"/>
    <col min="4623" max="4623" width="19.625" style="219" customWidth="1"/>
    <col min="4624" max="4624" width="33.875" style="219" customWidth="1"/>
    <col min="4625" max="4625" width="25" style="219" customWidth="1"/>
    <col min="4626" max="4626" width="13.625" style="219" customWidth="1"/>
    <col min="4627" max="4640" width="4.875" style="219" customWidth="1"/>
    <col min="4641" max="4641" width="12" style="219" bestFit="1" customWidth="1"/>
    <col min="4642" max="4875" width="9" style="219"/>
    <col min="4876" max="4876" width="4.25" style="219" customWidth="1"/>
    <col min="4877" max="4877" width="25" style="219" customWidth="1"/>
    <col min="4878" max="4878" width="41.625" style="219" customWidth="1"/>
    <col min="4879" max="4879" width="19.625" style="219" customWidth="1"/>
    <col min="4880" max="4880" width="33.875" style="219" customWidth="1"/>
    <col min="4881" max="4881" width="25" style="219" customWidth="1"/>
    <col min="4882" max="4882" width="13.625" style="219" customWidth="1"/>
    <col min="4883" max="4896" width="4.875" style="219" customWidth="1"/>
    <col min="4897" max="4897" width="12" style="219" bestFit="1" customWidth="1"/>
    <col min="4898" max="5131" width="9" style="219"/>
    <col min="5132" max="5132" width="4.25" style="219" customWidth="1"/>
    <col min="5133" max="5133" width="25" style="219" customWidth="1"/>
    <col min="5134" max="5134" width="41.625" style="219" customWidth="1"/>
    <col min="5135" max="5135" width="19.625" style="219" customWidth="1"/>
    <col min="5136" max="5136" width="33.875" style="219" customWidth="1"/>
    <col min="5137" max="5137" width="25" style="219" customWidth="1"/>
    <col min="5138" max="5138" width="13.625" style="219" customWidth="1"/>
    <col min="5139" max="5152" width="4.875" style="219" customWidth="1"/>
    <col min="5153" max="5153" width="12" style="219" bestFit="1" customWidth="1"/>
    <col min="5154" max="5387" width="9" style="219"/>
    <col min="5388" max="5388" width="4.25" style="219" customWidth="1"/>
    <col min="5389" max="5389" width="25" style="219" customWidth="1"/>
    <col min="5390" max="5390" width="41.625" style="219" customWidth="1"/>
    <col min="5391" max="5391" width="19.625" style="219" customWidth="1"/>
    <col min="5392" max="5392" width="33.875" style="219" customWidth="1"/>
    <col min="5393" max="5393" width="25" style="219" customWidth="1"/>
    <col min="5394" max="5394" width="13.625" style="219" customWidth="1"/>
    <col min="5395" max="5408" width="4.875" style="219" customWidth="1"/>
    <col min="5409" max="5409" width="12" style="219" bestFit="1" customWidth="1"/>
    <col min="5410" max="5643" width="9" style="219"/>
    <col min="5644" max="5644" width="4.25" style="219" customWidth="1"/>
    <col min="5645" max="5645" width="25" style="219" customWidth="1"/>
    <col min="5646" max="5646" width="41.625" style="219" customWidth="1"/>
    <col min="5647" max="5647" width="19.625" style="219" customWidth="1"/>
    <col min="5648" max="5648" width="33.875" style="219" customWidth="1"/>
    <col min="5649" max="5649" width="25" style="219" customWidth="1"/>
    <col min="5650" max="5650" width="13.625" style="219" customWidth="1"/>
    <col min="5651" max="5664" width="4.875" style="219" customWidth="1"/>
    <col min="5665" max="5665" width="12" style="219" bestFit="1" customWidth="1"/>
    <col min="5666" max="5899" width="9" style="219"/>
    <col min="5900" max="5900" width="4.25" style="219" customWidth="1"/>
    <col min="5901" max="5901" width="25" style="219" customWidth="1"/>
    <col min="5902" max="5902" width="41.625" style="219" customWidth="1"/>
    <col min="5903" max="5903" width="19.625" style="219" customWidth="1"/>
    <col min="5904" max="5904" width="33.875" style="219" customWidth="1"/>
    <col min="5905" max="5905" width="25" style="219" customWidth="1"/>
    <col min="5906" max="5906" width="13.625" style="219" customWidth="1"/>
    <col min="5907" max="5920" width="4.875" style="219" customWidth="1"/>
    <col min="5921" max="5921" width="12" style="219" bestFit="1" customWidth="1"/>
    <col min="5922" max="6155" width="9" style="219"/>
    <col min="6156" max="6156" width="4.25" style="219" customWidth="1"/>
    <col min="6157" max="6157" width="25" style="219" customWidth="1"/>
    <col min="6158" max="6158" width="41.625" style="219" customWidth="1"/>
    <col min="6159" max="6159" width="19.625" style="219" customWidth="1"/>
    <col min="6160" max="6160" width="33.875" style="219" customWidth="1"/>
    <col min="6161" max="6161" width="25" style="219" customWidth="1"/>
    <col min="6162" max="6162" width="13.625" style="219" customWidth="1"/>
    <col min="6163" max="6176" width="4.875" style="219" customWidth="1"/>
    <col min="6177" max="6177" width="12" style="219" bestFit="1" customWidth="1"/>
    <col min="6178" max="6411" width="9" style="219"/>
    <col min="6412" max="6412" width="4.25" style="219" customWidth="1"/>
    <col min="6413" max="6413" width="25" style="219" customWidth="1"/>
    <col min="6414" max="6414" width="41.625" style="219" customWidth="1"/>
    <col min="6415" max="6415" width="19.625" style="219" customWidth="1"/>
    <col min="6416" max="6416" width="33.875" style="219" customWidth="1"/>
    <col min="6417" max="6417" width="25" style="219" customWidth="1"/>
    <col min="6418" max="6418" width="13.625" style="219" customWidth="1"/>
    <col min="6419" max="6432" width="4.875" style="219" customWidth="1"/>
    <col min="6433" max="6433" width="12" style="219" bestFit="1" customWidth="1"/>
    <col min="6434" max="6667" width="9" style="219"/>
    <col min="6668" max="6668" width="4.25" style="219" customWidth="1"/>
    <col min="6669" max="6669" width="25" style="219" customWidth="1"/>
    <col min="6670" max="6670" width="41.625" style="219" customWidth="1"/>
    <col min="6671" max="6671" width="19.625" style="219" customWidth="1"/>
    <col min="6672" max="6672" width="33.875" style="219" customWidth="1"/>
    <col min="6673" max="6673" width="25" style="219" customWidth="1"/>
    <col min="6674" max="6674" width="13.625" style="219" customWidth="1"/>
    <col min="6675" max="6688" width="4.875" style="219" customWidth="1"/>
    <col min="6689" max="6689" width="12" style="219" bestFit="1" customWidth="1"/>
    <col min="6690" max="6923" width="9" style="219"/>
    <col min="6924" max="6924" width="4.25" style="219" customWidth="1"/>
    <col min="6925" max="6925" width="25" style="219" customWidth="1"/>
    <col min="6926" max="6926" width="41.625" style="219" customWidth="1"/>
    <col min="6927" max="6927" width="19.625" style="219" customWidth="1"/>
    <col min="6928" max="6928" width="33.875" style="219" customWidth="1"/>
    <col min="6929" max="6929" width="25" style="219" customWidth="1"/>
    <col min="6930" max="6930" width="13.625" style="219" customWidth="1"/>
    <col min="6931" max="6944" width="4.875" style="219" customWidth="1"/>
    <col min="6945" max="6945" width="12" style="219" bestFit="1" customWidth="1"/>
    <col min="6946" max="7179" width="9" style="219"/>
    <col min="7180" max="7180" width="4.25" style="219" customWidth="1"/>
    <col min="7181" max="7181" width="25" style="219" customWidth="1"/>
    <col min="7182" max="7182" width="41.625" style="219" customWidth="1"/>
    <col min="7183" max="7183" width="19.625" style="219" customWidth="1"/>
    <col min="7184" max="7184" width="33.875" style="219" customWidth="1"/>
    <col min="7185" max="7185" width="25" style="219" customWidth="1"/>
    <col min="7186" max="7186" width="13.625" style="219" customWidth="1"/>
    <col min="7187" max="7200" width="4.875" style="219" customWidth="1"/>
    <col min="7201" max="7201" width="12" style="219" bestFit="1" customWidth="1"/>
    <col min="7202" max="7435" width="9" style="219"/>
    <col min="7436" max="7436" width="4.25" style="219" customWidth="1"/>
    <col min="7437" max="7437" width="25" style="219" customWidth="1"/>
    <col min="7438" max="7438" width="41.625" style="219" customWidth="1"/>
    <col min="7439" max="7439" width="19.625" style="219" customWidth="1"/>
    <col min="7440" max="7440" width="33.875" style="219" customWidth="1"/>
    <col min="7441" max="7441" width="25" style="219" customWidth="1"/>
    <col min="7442" max="7442" width="13.625" style="219" customWidth="1"/>
    <col min="7443" max="7456" width="4.875" style="219" customWidth="1"/>
    <col min="7457" max="7457" width="12" style="219" bestFit="1" customWidth="1"/>
    <col min="7458" max="7691" width="9" style="219"/>
    <col min="7692" max="7692" width="4.25" style="219" customWidth="1"/>
    <col min="7693" max="7693" width="25" style="219" customWidth="1"/>
    <col min="7694" max="7694" width="41.625" style="219" customWidth="1"/>
    <col min="7695" max="7695" width="19.625" style="219" customWidth="1"/>
    <col min="7696" max="7696" width="33.875" style="219" customWidth="1"/>
    <col min="7697" max="7697" width="25" style="219" customWidth="1"/>
    <col min="7698" max="7698" width="13.625" style="219" customWidth="1"/>
    <col min="7699" max="7712" width="4.875" style="219" customWidth="1"/>
    <col min="7713" max="7713" width="12" style="219" bestFit="1" customWidth="1"/>
    <col min="7714" max="7947" width="9" style="219"/>
    <col min="7948" max="7948" width="4.25" style="219" customWidth="1"/>
    <col min="7949" max="7949" width="25" style="219" customWidth="1"/>
    <col min="7950" max="7950" width="41.625" style="219" customWidth="1"/>
    <col min="7951" max="7951" width="19.625" style="219" customWidth="1"/>
    <col min="7952" max="7952" width="33.875" style="219" customWidth="1"/>
    <col min="7953" max="7953" width="25" style="219" customWidth="1"/>
    <col min="7954" max="7954" width="13.625" style="219" customWidth="1"/>
    <col min="7955" max="7968" width="4.875" style="219" customWidth="1"/>
    <col min="7969" max="7969" width="12" style="219" bestFit="1" customWidth="1"/>
    <col min="7970" max="8203" width="9" style="219"/>
    <col min="8204" max="8204" width="4.25" style="219" customWidth="1"/>
    <col min="8205" max="8205" width="25" style="219" customWidth="1"/>
    <col min="8206" max="8206" width="41.625" style="219" customWidth="1"/>
    <col min="8207" max="8207" width="19.625" style="219" customWidth="1"/>
    <col min="8208" max="8208" width="33.875" style="219" customWidth="1"/>
    <col min="8209" max="8209" width="25" style="219" customWidth="1"/>
    <col min="8210" max="8210" width="13.625" style="219" customWidth="1"/>
    <col min="8211" max="8224" width="4.875" style="219" customWidth="1"/>
    <col min="8225" max="8225" width="12" style="219" bestFit="1" customWidth="1"/>
    <col min="8226" max="8459" width="9" style="219"/>
    <col min="8460" max="8460" width="4.25" style="219" customWidth="1"/>
    <col min="8461" max="8461" width="25" style="219" customWidth="1"/>
    <col min="8462" max="8462" width="41.625" style="219" customWidth="1"/>
    <col min="8463" max="8463" width="19.625" style="219" customWidth="1"/>
    <col min="8464" max="8464" width="33.875" style="219" customWidth="1"/>
    <col min="8465" max="8465" width="25" style="219" customWidth="1"/>
    <col min="8466" max="8466" width="13.625" style="219" customWidth="1"/>
    <col min="8467" max="8480" width="4.875" style="219" customWidth="1"/>
    <col min="8481" max="8481" width="12" style="219" bestFit="1" customWidth="1"/>
    <col min="8482" max="8715" width="9" style="219"/>
    <col min="8716" max="8716" width="4.25" style="219" customWidth="1"/>
    <col min="8717" max="8717" width="25" style="219" customWidth="1"/>
    <col min="8718" max="8718" width="41.625" style="219" customWidth="1"/>
    <col min="8719" max="8719" width="19.625" style="219" customWidth="1"/>
    <col min="8720" max="8720" width="33.875" style="219" customWidth="1"/>
    <col min="8721" max="8721" width="25" style="219" customWidth="1"/>
    <col min="8722" max="8722" width="13.625" style="219" customWidth="1"/>
    <col min="8723" max="8736" width="4.875" style="219" customWidth="1"/>
    <col min="8737" max="8737" width="12" style="219" bestFit="1" customWidth="1"/>
    <col min="8738" max="8971" width="9" style="219"/>
    <col min="8972" max="8972" width="4.25" style="219" customWidth="1"/>
    <col min="8973" max="8973" width="25" style="219" customWidth="1"/>
    <col min="8974" max="8974" width="41.625" style="219" customWidth="1"/>
    <col min="8975" max="8975" width="19.625" style="219" customWidth="1"/>
    <col min="8976" max="8976" width="33.875" style="219" customWidth="1"/>
    <col min="8977" max="8977" width="25" style="219" customWidth="1"/>
    <col min="8978" max="8978" width="13.625" style="219" customWidth="1"/>
    <col min="8979" max="8992" width="4.875" style="219" customWidth="1"/>
    <col min="8993" max="8993" width="12" style="219" bestFit="1" customWidth="1"/>
    <col min="8994" max="9227" width="9" style="219"/>
    <col min="9228" max="9228" width="4.25" style="219" customWidth="1"/>
    <col min="9229" max="9229" width="25" style="219" customWidth="1"/>
    <col min="9230" max="9230" width="41.625" style="219" customWidth="1"/>
    <col min="9231" max="9231" width="19.625" style="219" customWidth="1"/>
    <col min="9232" max="9232" width="33.875" style="219" customWidth="1"/>
    <col min="9233" max="9233" width="25" style="219" customWidth="1"/>
    <col min="9234" max="9234" width="13.625" style="219" customWidth="1"/>
    <col min="9235" max="9248" width="4.875" style="219" customWidth="1"/>
    <col min="9249" max="9249" width="12" style="219" bestFit="1" customWidth="1"/>
    <col min="9250" max="9483" width="9" style="219"/>
    <col min="9484" max="9484" width="4.25" style="219" customWidth="1"/>
    <col min="9485" max="9485" width="25" style="219" customWidth="1"/>
    <col min="9486" max="9486" width="41.625" style="219" customWidth="1"/>
    <col min="9487" max="9487" width="19.625" style="219" customWidth="1"/>
    <col min="9488" max="9488" width="33.875" style="219" customWidth="1"/>
    <col min="9489" max="9489" width="25" style="219" customWidth="1"/>
    <col min="9490" max="9490" width="13.625" style="219" customWidth="1"/>
    <col min="9491" max="9504" width="4.875" style="219" customWidth="1"/>
    <col min="9505" max="9505" width="12" style="219" bestFit="1" customWidth="1"/>
    <col min="9506" max="9739" width="9" style="219"/>
    <col min="9740" max="9740" width="4.25" style="219" customWidth="1"/>
    <col min="9741" max="9741" width="25" style="219" customWidth="1"/>
    <col min="9742" max="9742" width="41.625" style="219" customWidth="1"/>
    <col min="9743" max="9743" width="19.625" style="219" customWidth="1"/>
    <col min="9744" max="9744" width="33.875" style="219" customWidth="1"/>
    <col min="9745" max="9745" width="25" style="219" customWidth="1"/>
    <col min="9746" max="9746" width="13.625" style="219" customWidth="1"/>
    <col min="9747" max="9760" width="4.875" style="219" customWidth="1"/>
    <col min="9761" max="9761" width="12" style="219" bestFit="1" customWidth="1"/>
    <col min="9762" max="9995" width="9" style="219"/>
    <col min="9996" max="9996" width="4.25" style="219" customWidth="1"/>
    <col min="9997" max="9997" width="25" style="219" customWidth="1"/>
    <col min="9998" max="9998" width="41.625" style="219" customWidth="1"/>
    <col min="9999" max="9999" width="19.625" style="219" customWidth="1"/>
    <col min="10000" max="10000" width="33.875" style="219" customWidth="1"/>
    <col min="10001" max="10001" width="25" style="219" customWidth="1"/>
    <col min="10002" max="10002" width="13.625" style="219" customWidth="1"/>
    <col min="10003" max="10016" width="4.875" style="219" customWidth="1"/>
    <col min="10017" max="10017" width="12" style="219" bestFit="1" customWidth="1"/>
    <col min="10018" max="10251" width="9" style="219"/>
    <col min="10252" max="10252" width="4.25" style="219" customWidth="1"/>
    <col min="10253" max="10253" width="25" style="219" customWidth="1"/>
    <col min="10254" max="10254" width="41.625" style="219" customWidth="1"/>
    <col min="10255" max="10255" width="19.625" style="219" customWidth="1"/>
    <col min="10256" max="10256" width="33.875" style="219" customWidth="1"/>
    <col min="10257" max="10257" width="25" style="219" customWidth="1"/>
    <col min="10258" max="10258" width="13.625" style="219" customWidth="1"/>
    <col min="10259" max="10272" width="4.875" style="219" customWidth="1"/>
    <col min="10273" max="10273" width="12" style="219" bestFit="1" customWidth="1"/>
    <col min="10274" max="10507" width="9" style="219"/>
    <col min="10508" max="10508" width="4.25" style="219" customWidth="1"/>
    <col min="10509" max="10509" width="25" style="219" customWidth="1"/>
    <col min="10510" max="10510" width="41.625" style="219" customWidth="1"/>
    <col min="10511" max="10511" width="19.625" style="219" customWidth="1"/>
    <col min="10512" max="10512" width="33.875" style="219" customWidth="1"/>
    <col min="10513" max="10513" width="25" style="219" customWidth="1"/>
    <col min="10514" max="10514" width="13.625" style="219" customWidth="1"/>
    <col min="10515" max="10528" width="4.875" style="219" customWidth="1"/>
    <col min="10529" max="10529" width="12" style="219" bestFit="1" customWidth="1"/>
    <col min="10530" max="10763" width="9" style="219"/>
    <col min="10764" max="10764" width="4.25" style="219" customWidth="1"/>
    <col min="10765" max="10765" width="25" style="219" customWidth="1"/>
    <col min="10766" max="10766" width="41.625" style="219" customWidth="1"/>
    <col min="10767" max="10767" width="19.625" style="219" customWidth="1"/>
    <col min="10768" max="10768" width="33.875" style="219" customWidth="1"/>
    <col min="10769" max="10769" width="25" style="219" customWidth="1"/>
    <col min="10770" max="10770" width="13.625" style="219" customWidth="1"/>
    <col min="10771" max="10784" width="4.875" style="219" customWidth="1"/>
    <col min="10785" max="10785" width="12" style="219" bestFit="1" customWidth="1"/>
    <col min="10786" max="11019" width="9" style="219"/>
    <col min="11020" max="11020" width="4.25" style="219" customWidth="1"/>
    <col min="11021" max="11021" width="25" style="219" customWidth="1"/>
    <col min="11022" max="11022" width="41.625" style="219" customWidth="1"/>
    <col min="11023" max="11023" width="19.625" style="219" customWidth="1"/>
    <col min="11024" max="11024" width="33.875" style="219" customWidth="1"/>
    <col min="11025" max="11025" width="25" style="219" customWidth="1"/>
    <col min="11026" max="11026" width="13.625" style="219" customWidth="1"/>
    <col min="11027" max="11040" width="4.875" style="219" customWidth="1"/>
    <col min="11041" max="11041" width="12" style="219" bestFit="1" customWidth="1"/>
    <col min="11042" max="11275" width="9" style="219"/>
    <col min="11276" max="11276" width="4.25" style="219" customWidth="1"/>
    <col min="11277" max="11277" width="25" style="219" customWidth="1"/>
    <col min="11278" max="11278" width="41.625" style="219" customWidth="1"/>
    <col min="11279" max="11279" width="19.625" style="219" customWidth="1"/>
    <col min="11280" max="11280" width="33.875" style="219" customWidth="1"/>
    <col min="11281" max="11281" width="25" style="219" customWidth="1"/>
    <col min="11282" max="11282" width="13.625" style="219" customWidth="1"/>
    <col min="11283" max="11296" width="4.875" style="219" customWidth="1"/>
    <col min="11297" max="11297" width="12" style="219" bestFit="1" customWidth="1"/>
    <col min="11298" max="11531" width="9" style="219"/>
    <col min="11532" max="11532" width="4.25" style="219" customWidth="1"/>
    <col min="11533" max="11533" width="25" style="219" customWidth="1"/>
    <col min="11534" max="11534" width="41.625" style="219" customWidth="1"/>
    <col min="11535" max="11535" width="19.625" style="219" customWidth="1"/>
    <col min="11536" max="11536" width="33.875" style="219" customWidth="1"/>
    <col min="11537" max="11537" width="25" style="219" customWidth="1"/>
    <col min="11538" max="11538" width="13.625" style="219" customWidth="1"/>
    <col min="11539" max="11552" width="4.875" style="219" customWidth="1"/>
    <col min="11553" max="11553" width="12" style="219" bestFit="1" customWidth="1"/>
    <col min="11554" max="11787" width="9" style="219"/>
    <col min="11788" max="11788" width="4.25" style="219" customWidth="1"/>
    <col min="11789" max="11789" width="25" style="219" customWidth="1"/>
    <col min="11790" max="11790" width="41.625" style="219" customWidth="1"/>
    <col min="11791" max="11791" width="19.625" style="219" customWidth="1"/>
    <col min="11792" max="11792" width="33.875" style="219" customWidth="1"/>
    <col min="11793" max="11793" width="25" style="219" customWidth="1"/>
    <col min="11794" max="11794" width="13.625" style="219" customWidth="1"/>
    <col min="11795" max="11808" width="4.875" style="219" customWidth="1"/>
    <col min="11809" max="11809" width="12" style="219" bestFit="1" customWidth="1"/>
    <col min="11810" max="12043" width="9" style="219"/>
    <col min="12044" max="12044" width="4.25" style="219" customWidth="1"/>
    <col min="12045" max="12045" width="25" style="219" customWidth="1"/>
    <col min="12046" max="12046" width="41.625" style="219" customWidth="1"/>
    <col min="12047" max="12047" width="19.625" style="219" customWidth="1"/>
    <col min="12048" max="12048" width="33.875" style="219" customWidth="1"/>
    <col min="12049" max="12049" width="25" style="219" customWidth="1"/>
    <col min="12050" max="12050" width="13.625" style="219" customWidth="1"/>
    <col min="12051" max="12064" width="4.875" style="219" customWidth="1"/>
    <col min="12065" max="12065" width="12" style="219" bestFit="1" customWidth="1"/>
    <col min="12066" max="12299" width="9" style="219"/>
    <col min="12300" max="12300" width="4.25" style="219" customWidth="1"/>
    <col min="12301" max="12301" width="25" style="219" customWidth="1"/>
    <col min="12302" max="12302" width="41.625" style="219" customWidth="1"/>
    <col min="12303" max="12303" width="19.625" style="219" customWidth="1"/>
    <col min="12304" max="12304" width="33.875" style="219" customWidth="1"/>
    <col min="12305" max="12305" width="25" style="219" customWidth="1"/>
    <col min="12306" max="12306" width="13.625" style="219" customWidth="1"/>
    <col min="12307" max="12320" width="4.875" style="219" customWidth="1"/>
    <col min="12321" max="12321" width="12" style="219" bestFit="1" customWidth="1"/>
    <col min="12322" max="12555" width="9" style="219"/>
    <col min="12556" max="12556" width="4.25" style="219" customWidth="1"/>
    <col min="12557" max="12557" width="25" style="219" customWidth="1"/>
    <col min="12558" max="12558" width="41.625" style="219" customWidth="1"/>
    <col min="12559" max="12559" width="19.625" style="219" customWidth="1"/>
    <col min="12560" max="12560" width="33.875" style="219" customWidth="1"/>
    <col min="12561" max="12561" width="25" style="219" customWidth="1"/>
    <col min="12562" max="12562" width="13.625" style="219" customWidth="1"/>
    <col min="12563" max="12576" width="4.875" style="219" customWidth="1"/>
    <col min="12577" max="12577" width="12" style="219" bestFit="1" customWidth="1"/>
    <col min="12578" max="12811" width="9" style="219"/>
    <col min="12812" max="12812" width="4.25" style="219" customWidth="1"/>
    <col min="12813" max="12813" width="25" style="219" customWidth="1"/>
    <col min="12814" max="12814" width="41.625" style="219" customWidth="1"/>
    <col min="12815" max="12815" width="19.625" style="219" customWidth="1"/>
    <col min="12816" max="12816" width="33.875" style="219" customWidth="1"/>
    <col min="12817" max="12817" width="25" style="219" customWidth="1"/>
    <col min="12818" max="12818" width="13.625" style="219" customWidth="1"/>
    <col min="12819" max="12832" width="4.875" style="219" customWidth="1"/>
    <col min="12833" max="12833" width="12" style="219" bestFit="1" customWidth="1"/>
    <col min="12834" max="13067" width="9" style="219"/>
    <col min="13068" max="13068" width="4.25" style="219" customWidth="1"/>
    <col min="13069" max="13069" width="25" style="219" customWidth="1"/>
    <col min="13070" max="13070" width="41.625" style="219" customWidth="1"/>
    <col min="13071" max="13071" width="19.625" style="219" customWidth="1"/>
    <col min="13072" max="13072" width="33.875" style="219" customWidth="1"/>
    <col min="13073" max="13073" width="25" style="219" customWidth="1"/>
    <col min="13074" max="13074" width="13.625" style="219" customWidth="1"/>
    <col min="13075" max="13088" width="4.875" style="219" customWidth="1"/>
    <col min="13089" max="13089" width="12" style="219" bestFit="1" customWidth="1"/>
    <col min="13090" max="13323" width="9" style="219"/>
    <col min="13324" max="13324" width="4.25" style="219" customWidth="1"/>
    <col min="13325" max="13325" width="25" style="219" customWidth="1"/>
    <col min="13326" max="13326" width="41.625" style="219" customWidth="1"/>
    <col min="13327" max="13327" width="19.625" style="219" customWidth="1"/>
    <col min="13328" max="13328" width="33.875" style="219" customWidth="1"/>
    <col min="13329" max="13329" width="25" style="219" customWidth="1"/>
    <col min="13330" max="13330" width="13.625" style="219" customWidth="1"/>
    <col min="13331" max="13344" width="4.875" style="219" customWidth="1"/>
    <col min="13345" max="13345" width="12" style="219" bestFit="1" customWidth="1"/>
    <col min="13346" max="13579" width="9" style="219"/>
    <col min="13580" max="13580" width="4.25" style="219" customWidth="1"/>
    <col min="13581" max="13581" width="25" style="219" customWidth="1"/>
    <col min="13582" max="13582" width="41.625" style="219" customWidth="1"/>
    <col min="13583" max="13583" width="19.625" style="219" customWidth="1"/>
    <col min="13584" max="13584" width="33.875" style="219" customWidth="1"/>
    <col min="13585" max="13585" width="25" style="219" customWidth="1"/>
    <col min="13586" max="13586" width="13.625" style="219" customWidth="1"/>
    <col min="13587" max="13600" width="4.875" style="219" customWidth="1"/>
    <col min="13601" max="13601" width="12" style="219" bestFit="1" customWidth="1"/>
    <col min="13602" max="13835" width="9" style="219"/>
    <col min="13836" max="13836" width="4.25" style="219" customWidth="1"/>
    <col min="13837" max="13837" width="25" style="219" customWidth="1"/>
    <col min="13838" max="13838" width="41.625" style="219" customWidth="1"/>
    <col min="13839" max="13839" width="19.625" style="219" customWidth="1"/>
    <col min="13840" max="13840" width="33.875" style="219" customWidth="1"/>
    <col min="13841" max="13841" width="25" style="219" customWidth="1"/>
    <col min="13842" max="13842" width="13.625" style="219" customWidth="1"/>
    <col min="13843" max="13856" width="4.875" style="219" customWidth="1"/>
    <col min="13857" max="13857" width="12" style="219" bestFit="1" customWidth="1"/>
    <col min="13858" max="14091" width="9" style="219"/>
    <col min="14092" max="14092" width="4.25" style="219" customWidth="1"/>
    <col min="14093" max="14093" width="25" style="219" customWidth="1"/>
    <col min="14094" max="14094" width="41.625" style="219" customWidth="1"/>
    <col min="14095" max="14095" width="19.625" style="219" customWidth="1"/>
    <col min="14096" max="14096" width="33.875" style="219" customWidth="1"/>
    <col min="14097" max="14097" width="25" style="219" customWidth="1"/>
    <col min="14098" max="14098" width="13.625" style="219" customWidth="1"/>
    <col min="14099" max="14112" width="4.875" style="219" customWidth="1"/>
    <col min="14113" max="14113" width="12" style="219" bestFit="1" customWidth="1"/>
    <col min="14114" max="14347" width="9" style="219"/>
    <col min="14348" max="14348" width="4.25" style="219" customWidth="1"/>
    <col min="14349" max="14349" width="25" style="219" customWidth="1"/>
    <col min="14350" max="14350" width="41.625" style="219" customWidth="1"/>
    <col min="14351" max="14351" width="19.625" style="219" customWidth="1"/>
    <col min="14352" max="14352" width="33.875" style="219" customWidth="1"/>
    <col min="14353" max="14353" width="25" style="219" customWidth="1"/>
    <col min="14354" max="14354" width="13.625" style="219" customWidth="1"/>
    <col min="14355" max="14368" width="4.875" style="219" customWidth="1"/>
    <col min="14369" max="14369" width="12" style="219" bestFit="1" customWidth="1"/>
    <col min="14370" max="14603" width="9" style="219"/>
    <col min="14604" max="14604" width="4.25" style="219" customWidth="1"/>
    <col min="14605" max="14605" width="25" style="219" customWidth="1"/>
    <col min="14606" max="14606" width="41.625" style="219" customWidth="1"/>
    <col min="14607" max="14607" width="19.625" style="219" customWidth="1"/>
    <col min="14608" max="14608" width="33.875" style="219" customWidth="1"/>
    <col min="14609" max="14609" width="25" style="219" customWidth="1"/>
    <col min="14610" max="14610" width="13.625" style="219" customWidth="1"/>
    <col min="14611" max="14624" width="4.875" style="219" customWidth="1"/>
    <col min="14625" max="14625" width="12" style="219" bestFit="1" customWidth="1"/>
    <col min="14626" max="14859" width="9" style="219"/>
    <col min="14860" max="14860" width="4.25" style="219" customWidth="1"/>
    <col min="14861" max="14861" width="25" style="219" customWidth="1"/>
    <col min="14862" max="14862" width="41.625" style="219" customWidth="1"/>
    <col min="14863" max="14863" width="19.625" style="219" customWidth="1"/>
    <col min="14864" max="14864" width="33.875" style="219" customWidth="1"/>
    <col min="14865" max="14865" width="25" style="219" customWidth="1"/>
    <col min="14866" max="14866" width="13.625" style="219" customWidth="1"/>
    <col min="14867" max="14880" width="4.875" style="219" customWidth="1"/>
    <col min="14881" max="14881" width="12" style="219" bestFit="1" customWidth="1"/>
    <col min="14882" max="15115" width="9" style="219"/>
    <col min="15116" max="15116" width="4.25" style="219" customWidth="1"/>
    <col min="15117" max="15117" width="25" style="219" customWidth="1"/>
    <col min="15118" max="15118" width="41.625" style="219" customWidth="1"/>
    <col min="15119" max="15119" width="19.625" style="219" customWidth="1"/>
    <col min="15120" max="15120" width="33.875" style="219" customWidth="1"/>
    <col min="15121" max="15121" width="25" style="219" customWidth="1"/>
    <col min="15122" max="15122" width="13.625" style="219" customWidth="1"/>
    <col min="15123" max="15136" width="4.875" style="219" customWidth="1"/>
    <col min="15137" max="15137" width="12" style="219" bestFit="1" customWidth="1"/>
    <col min="15138" max="15371" width="9" style="219"/>
    <col min="15372" max="15372" width="4.25" style="219" customWidth="1"/>
    <col min="15373" max="15373" width="25" style="219" customWidth="1"/>
    <col min="15374" max="15374" width="41.625" style="219" customWidth="1"/>
    <col min="15375" max="15375" width="19.625" style="219" customWidth="1"/>
    <col min="15376" max="15376" width="33.875" style="219" customWidth="1"/>
    <col min="15377" max="15377" width="25" style="219" customWidth="1"/>
    <col min="15378" max="15378" width="13.625" style="219" customWidth="1"/>
    <col min="15379" max="15392" width="4.875" style="219" customWidth="1"/>
    <col min="15393" max="15393" width="12" style="219" bestFit="1" customWidth="1"/>
    <col min="15394" max="15627" width="9" style="219"/>
    <col min="15628" max="15628" width="4.25" style="219" customWidth="1"/>
    <col min="15629" max="15629" width="25" style="219" customWidth="1"/>
    <col min="15630" max="15630" width="41.625" style="219" customWidth="1"/>
    <col min="15631" max="15631" width="19.625" style="219" customWidth="1"/>
    <col min="15632" max="15632" width="33.875" style="219" customWidth="1"/>
    <col min="15633" max="15633" width="25" style="219" customWidth="1"/>
    <col min="15634" max="15634" width="13.625" style="219" customWidth="1"/>
    <col min="15635" max="15648" width="4.875" style="219" customWidth="1"/>
    <col min="15649" max="15649" width="12" style="219" bestFit="1" customWidth="1"/>
    <col min="15650" max="15883" width="9" style="219"/>
    <col min="15884" max="15884" width="4.25" style="219" customWidth="1"/>
    <col min="15885" max="15885" width="25" style="219" customWidth="1"/>
    <col min="15886" max="15886" width="41.625" style="219" customWidth="1"/>
    <col min="15887" max="15887" width="19.625" style="219" customWidth="1"/>
    <col min="15888" max="15888" width="33.875" style="219" customWidth="1"/>
    <col min="15889" max="15889" width="25" style="219" customWidth="1"/>
    <col min="15890" max="15890" width="13.625" style="219" customWidth="1"/>
    <col min="15891" max="15904" width="4.875" style="219" customWidth="1"/>
    <col min="15905" max="15905" width="12" style="219" bestFit="1" customWidth="1"/>
    <col min="15906" max="16139" width="9" style="219"/>
    <col min="16140" max="16140" width="4.25" style="219" customWidth="1"/>
    <col min="16141" max="16141" width="25" style="219" customWidth="1"/>
    <col min="16142" max="16142" width="41.625" style="219" customWidth="1"/>
    <col min="16143" max="16143" width="19.625" style="219" customWidth="1"/>
    <col min="16144" max="16144" width="33.875" style="219" customWidth="1"/>
    <col min="16145" max="16145" width="25" style="219" customWidth="1"/>
    <col min="16146" max="16146" width="13.625" style="219" customWidth="1"/>
    <col min="16147" max="16160" width="4.875" style="219" customWidth="1"/>
    <col min="16161" max="16161" width="12" style="219" bestFit="1" customWidth="1"/>
    <col min="16162" max="16384" width="9" style="219"/>
  </cols>
  <sheetData>
    <row r="2" spans="1:33" ht="20.25" customHeight="1" x14ac:dyDescent="0.15">
      <c r="A2" s="86" t="s">
        <v>163</v>
      </c>
      <c r="B2" s="86"/>
      <c r="C2" s="198"/>
      <c r="D2" s="198"/>
      <c r="E2" s="198"/>
      <c r="F2" s="198"/>
      <c r="G2" s="96"/>
      <c r="H2" s="198"/>
      <c r="I2" s="198"/>
      <c r="J2" s="198"/>
      <c r="K2" s="198"/>
      <c r="L2" s="198"/>
      <c r="M2" s="198"/>
      <c r="N2" s="198"/>
      <c r="O2" s="198"/>
      <c r="P2" s="198"/>
      <c r="Q2" s="198"/>
      <c r="R2" s="198"/>
      <c r="S2" s="198"/>
      <c r="T2" s="198"/>
      <c r="U2" s="198"/>
      <c r="V2" s="198"/>
      <c r="W2" s="198"/>
      <c r="X2" s="198"/>
      <c r="Y2" s="198"/>
      <c r="Z2" s="198"/>
      <c r="AA2" s="198"/>
      <c r="AB2" s="198"/>
      <c r="AC2" s="198"/>
      <c r="AD2" s="198"/>
      <c r="AE2" s="198"/>
      <c r="AF2" s="198"/>
    </row>
    <row r="3" spans="1:33" ht="20.25" customHeight="1" x14ac:dyDescent="0.15">
      <c r="A3" s="278" t="s">
        <v>2</v>
      </c>
      <c r="B3" s="278"/>
      <c r="C3" s="278"/>
      <c r="D3" s="278"/>
      <c r="E3" s="278"/>
      <c r="F3" s="278"/>
      <c r="G3" s="278"/>
      <c r="H3" s="278"/>
      <c r="I3" s="278"/>
      <c r="J3" s="278"/>
      <c r="K3" s="278"/>
      <c r="L3" s="278"/>
      <c r="M3" s="278"/>
      <c r="N3" s="278"/>
      <c r="O3" s="278"/>
      <c r="P3" s="278"/>
      <c r="Q3" s="278"/>
      <c r="R3" s="278"/>
      <c r="S3" s="278"/>
      <c r="T3" s="278"/>
      <c r="U3" s="278"/>
      <c r="V3" s="278"/>
      <c r="W3" s="278"/>
      <c r="X3" s="278"/>
      <c r="Y3" s="278"/>
      <c r="Z3" s="278"/>
      <c r="AA3" s="278"/>
      <c r="AB3" s="278"/>
      <c r="AC3" s="278"/>
      <c r="AD3" s="278"/>
      <c r="AE3" s="278"/>
      <c r="AF3" s="278"/>
    </row>
    <row r="4" spans="1:33" ht="20.25" customHeight="1" x14ac:dyDescent="0.15">
      <c r="A4" s="111"/>
      <c r="B4" s="111"/>
      <c r="C4" s="198"/>
      <c r="D4" s="198"/>
      <c r="E4" s="198"/>
      <c r="F4" s="198"/>
      <c r="G4" s="96"/>
      <c r="H4" s="198"/>
      <c r="I4" s="198"/>
      <c r="J4" s="198"/>
      <c r="K4" s="198"/>
      <c r="L4" s="198"/>
      <c r="M4" s="198"/>
      <c r="N4" s="198"/>
      <c r="O4" s="198"/>
      <c r="P4" s="198"/>
      <c r="Q4" s="198"/>
      <c r="R4" s="198"/>
      <c r="S4" s="198"/>
      <c r="T4" s="198"/>
      <c r="U4" s="198"/>
      <c r="V4" s="198"/>
      <c r="W4" s="198"/>
      <c r="X4" s="198"/>
      <c r="Y4" s="198"/>
      <c r="Z4" s="198"/>
      <c r="AA4" s="198"/>
      <c r="AB4" s="198"/>
      <c r="AC4" s="198"/>
      <c r="AD4" s="198"/>
      <c r="AE4" s="198"/>
      <c r="AF4" s="198"/>
    </row>
    <row r="5" spans="1:33" ht="30" customHeight="1" x14ac:dyDescent="0.15">
      <c r="A5" s="111"/>
      <c r="B5" s="111"/>
      <c r="C5" s="198"/>
      <c r="D5" s="198"/>
      <c r="E5" s="198"/>
      <c r="F5" s="198"/>
      <c r="G5" s="96"/>
      <c r="H5" s="198"/>
      <c r="I5" s="198"/>
      <c r="J5" s="111"/>
      <c r="K5" s="111"/>
      <c r="L5" s="111"/>
      <c r="M5" s="111"/>
      <c r="N5" s="111"/>
      <c r="O5" s="111"/>
      <c r="P5" s="111"/>
      <c r="Q5" s="111"/>
      <c r="R5" s="111"/>
      <c r="S5" s="279" t="s">
        <v>161</v>
      </c>
      <c r="T5" s="280"/>
      <c r="U5" s="280"/>
      <c r="V5" s="281"/>
      <c r="W5" s="186"/>
      <c r="X5" s="187"/>
      <c r="Y5" s="187"/>
      <c r="Z5" s="187"/>
      <c r="AA5" s="187"/>
      <c r="AB5" s="187"/>
      <c r="AC5" s="187"/>
      <c r="AD5" s="187"/>
      <c r="AE5" s="187"/>
      <c r="AF5" s="201"/>
    </row>
    <row r="6" spans="1:33" ht="20.25" customHeight="1" x14ac:dyDescent="0.15">
      <c r="A6" s="111"/>
      <c r="B6" s="111"/>
      <c r="C6" s="198"/>
      <c r="D6" s="198"/>
      <c r="E6" s="198"/>
      <c r="F6" s="198"/>
      <c r="G6" s="96"/>
      <c r="H6" s="198"/>
      <c r="I6" s="198"/>
      <c r="J6" s="198"/>
      <c r="K6" s="198"/>
      <c r="L6" s="198"/>
      <c r="M6" s="198"/>
      <c r="N6" s="198"/>
      <c r="O6" s="198"/>
      <c r="P6" s="198"/>
      <c r="Q6" s="198"/>
      <c r="R6" s="198"/>
      <c r="S6" s="198"/>
      <c r="T6" s="198"/>
      <c r="U6" s="198"/>
      <c r="V6" s="198"/>
      <c r="W6" s="198"/>
      <c r="X6" s="198"/>
      <c r="Y6" s="198"/>
      <c r="Z6" s="198"/>
      <c r="AA6" s="198"/>
      <c r="AB6" s="198"/>
      <c r="AC6" s="198"/>
      <c r="AD6" s="198"/>
      <c r="AE6" s="198"/>
      <c r="AF6" s="198"/>
    </row>
    <row r="7" spans="1:33" ht="18" customHeight="1" x14ac:dyDescent="0.15">
      <c r="A7" s="279" t="s">
        <v>88</v>
      </c>
      <c r="B7" s="280"/>
      <c r="C7" s="281"/>
      <c r="D7" s="279" t="s">
        <v>3</v>
      </c>
      <c r="E7" s="281"/>
      <c r="F7" s="282" t="s">
        <v>89</v>
      </c>
      <c r="G7" s="283"/>
      <c r="H7" s="279" t="s">
        <v>90</v>
      </c>
      <c r="I7" s="280"/>
      <c r="J7" s="280"/>
      <c r="K7" s="280"/>
      <c r="L7" s="280"/>
      <c r="M7" s="280"/>
      <c r="N7" s="280"/>
      <c r="O7" s="280"/>
      <c r="P7" s="280"/>
      <c r="Q7" s="280"/>
      <c r="R7" s="280"/>
      <c r="S7" s="280"/>
      <c r="T7" s="280"/>
      <c r="U7" s="280"/>
      <c r="V7" s="280"/>
      <c r="W7" s="280"/>
      <c r="X7" s="281"/>
      <c r="Y7" s="279" t="s">
        <v>167</v>
      </c>
      <c r="Z7" s="280"/>
      <c r="AA7" s="280"/>
      <c r="AB7" s="281"/>
      <c r="AC7" s="279" t="s">
        <v>91</v>
      </c>
      <c r="AD7" s="280"/>
      <c r="AE7" s="280"/>
      <c r="AF7" s="281"/>
    </row>
    <row r="8" spans="1:33" ht="18.75" customHeight="1" x14ac:dyDescent="0.15">
      <c r="A8" s="264" t="s">
        <v>92</v>
      </c>
      <c r="B8" s="265"/>
      <c r="C8" s="266"/>
      <c r="D8" s="202"/>
      <c r="E8" s="120"/>
      <c r="F8" s="118"/>
      <c r="G8" s="185"/>
      <c r="H8" s="270" t="s">
        <v>93</v>
      </c>
      <c r="I8" s="217" t="s">
        <v>212</v>
      </c>
      <c r="J8" s="103" t="s">
        <v>175</v>
      </c>
      <c r="K8" s="124"/>
      <c r="L8" s="124"/>
      <c r="M8" s="217" t="s">
        <v>212</v>
      </c>
      <c r="N8" s="103" t="s">
        <v>176</v>
      </c>
      <c r="O8" s="124"/>
      <c r="P8" s="124"/>
      <c r="Q8" s="217" t="s">
        <v>212</v>
      </c>
      <c r="R8" s="103" t="s">
        <v>177</v>
      </c>
      <c r="S8" s="124"/>
      <c r="T8" s="124"/>
      <c r="U8" s="217" t="s">
        <v>212</v>
      </c>
      <c r="V8" s="103" t="s">
        <v>178</v>
      </c>
      <c r="W8" s="124"/>
      <c r="X8" s="128"/>
      <c r="Y8" s="272"/>
      <c r="Z8" s="273"/>
      <c r="AA8" s="273"/>
      <c r="AB8" s="274"/>
      <c r="AC8" s="272"/>
      <c r="AD8" s="273"/>
      <c r="AE8" s="273"/>
      <c r="AF8" s="274"/>
    </row>
    <row r="9" spans="1:33" ht="18.75" customHeight="1" x14ac:dyDescent="0.15">
      <c r="A9" s="267"/>
      <c r="B9" s="268"/>
      <c r="C9" s="269"/>
      <c r="D9" s="204"/>
      <c r="E9" s="122"/>
      <c r="F9" s="121"/>
      <c r="G9" s="153"/>
      <c r="H9" s="271"/>
      <c r="I9" s="170" t="s">
        <v>212</v>
      </c>
      <c r="J9" s="91" t="s">
        <v>179</v>
      </c>
      <c r="K9" s="116"/>
      <c r="L9" s="116"/>
      <c r="M9" s="182" t="s">
        <v>212</v>
      </c>
      <c r="N9" s="91" t="s">
        <v>180</v>
      </c>
      <c r="O9" s="116"/>
      <c r="P9" s="116"/>
      <c r="Q9" s="182" t="s">
        <v>212</v>
      </c>
      <c r="R9" s="91" t="s">
        <v>181</v>
      </c>
      <c r="S9" s="116"/>
      <c r="T9" s="116"/>
      <c r="U9" s="182" t="s">
        <v>212</v>
      </c>
      <c r="V9" s="91" t="s">
        <v>182</v>
      </c>
      <c r="W9" s="116"/>
      <c r="X9" s="117"/>
      <c r="Y9" s="275"/>
      <c r="Z9" s="276"/>
      <c r="AA9" s="276"/>
      <c r="AB9" s="277"/>
      <c r="AC9" s="275"/>
      <c r="AD9" s="276"/>
      <c r="AE9" s="276"/>
      <c r="AF9" s="277"/>
    </row>
    <row r="10" spans="1:33" ht="18.75" customHeight="1" x14ac:dyDescent="0.15">
      <c r="A10" s="102"/>
      <c r="B10" s="203"/>
      <c r="C10" s="212"/>
      <c r="D10" s="223"/>
      <c r="E10" s="128"/>
      <c r="F10" s="223"/>
      <c r="G10" s="134"/>
      <c r="H10" s="113" t="s">
        <v>96</v>
      </c>
      <c r="I10" s="180" t="s">
        <v>212</v>
      </c>
      <c r="J10" s="103" t="s">
        <v>184</v>
      </c>
      <c r="K10" s="103"/>
      <c r="L10" s="224"/>
      <c r="M10" s="181" t="s">
        <v>212</v>
      </c>
      <c r="N10" s="103" t="s">
        <v>200</v>
      </c>
      <c r="O10" s="103"/>
      <c r="P10" s="224"/>
      <c r="Q10" s="181" t="s">
        <v>212</v>
      </c>
      <c r="R10" s="119" t="s">
        <v>201</v>
      </c>
      <c r="S10" s="227"/>
      <c r="T10" s="227"/>
      <c r="U10" s="227"/>
      <c r="V10" s="227"/>
      <c r="W10" s="227"/>
      <c r="X10" s="228"/>
      <c r="Y10" s="181" t="s">
        <v>212</v>
      </c>
      <c r="Z10" s="103" t="s">
        <v>183</v>
      </c>
      <c r="AA10" s="103"/>
      <c r="AB10" s="147"/>
      <c r="AC10" s="181" t="s">
        <v>212</v>
      </c>
      <c r="AD10" s="103" t="s">
        <v>183</v>
      </c>
      <c r="AE10" s="103"/>
      <c r="AF10" s="147"/>
      <c r="AG10" s="97"/>
    </row>
    <row r="11" spans="1:33" ht="18.75" customHeight="1" x14ac:dyDescent="0.15">
      <c r="A11" s="167"/>
      <c r="B11" s="157"/>
      <c r="C11" s="213"/>
      <c r="D11" s="226"/>
      <c r="E11" s="115"/>
      <c r="F11" s="226"/>
      <c r="G11" s="184"/>
      <c r="H11" s="262" t="s">
        <v>165</v>
      </c>
      <c r="I11" s="288" t="s">
        <v>212</v>
      </c>
      <c r="J11" s="256" t="s">
        <v>184</v>
      </c>
      <c r="K11" s="256"/>
      <c r="L11" s="292" t="s">
        <v>212</v>
      </c>
      <c r="M11" s="256" t="s">
        <v>196</v>
      </c>
      <c r="N11" s="256"/>
      <c r="O11" s="200"/>
      <c r="P11" s="200"/>
      <c r="Q11" s="200"/>
      <c r="R11" s="200"/>
      <c r="S11" s="200"/>
      <c r="T11" s="200"/>
      <c r="U11" s="200"/>
      <c r="V11" s="200"/>
      <c r="W11" s="200"/>
      <c r="X11" s="151"/>
      <c r="Y11" s="217" t="s">
        <v>212</v>
      </c>
      <c r="Z11" s="112" t="s">
        <v>188</v>
      </c>
      <c r="AA11" s="108"/>
      <c r="AB11" s="110"/>
      <c r="AC11" s="217" t="s">
        <v>212</v>
      </c>
      <c r="AD11" s="112" t="s">
        <v>188</v>
      </c>
      <c r="AE11" s="108"/>
      <c r="AF11" s="110"/>
    </row>
    <row r="12" spans="1:33" ht="18.75" customHeight="1" x14ac:dyDescent="0.15">
      <c r="A12" s="167"/>
      <c r="B12" s="157"/>
      <c r="C12" s="213"/>
      <c r="D12" s="226"/>
      <c r="E12" s="115"/>
      <c r="F12" s="226"/>
      <c r="G12" s="184"/>
      <c r="H12" s="287"/>
      <c r="I12" s="289"/>
      <c r="J12" s="291"/>
      <c r="K12" s="291"/>
      <c r="L12" s="293"/>
      <c r="M12" s="291"/>
      <c r="N12" s="291"/>
      <c r="O12" s="198"/>
      <c r="P12" s="198"/>
      <c r="Q12" s="198"/>
      <c r="R12" s="198"/>
      <c r="S12" s="198"/>
      <c r="T12" s="198"/>
      <c r="U12" s="198"/>
      <c r="V12" s="198"/>
      <c r="W12" s="198"/>
      <c r="X12" s="127"/>
      <c r="Y12" s="109"/>
      <c r="Z12" s="108"/>
      <c r="AA12" s="108"/>
      <c r="AB12" s="110"/>
      <c r="AC12" s="109"/>
      <c r="AD12" s="108"/>
      <c r="AE12" s="108"/>
      <c r="AF12" s="110"/>
    </row>
    <row r="13" spans="1:33" ht="18.75" customHeight="1" x14ac:dyDescent="0.15">
      <c r="A13" s="167"/>
      <c r="B13" s="157"/>
      <c r="C13" s="213"/>
      <c r="D13" s="226"/>
      <c r="E13" s="115"/>
      <c r="F13" s="226"/>
      <c r="G13" s="184"/>
      <c r="H13" s="263"/>
      <c r="I13" s="290"/>
      <c r="J13" s="257"/>
      <c r="K13" s="257"/>
      <c r="L13" s="294"/>
      <c r="M13" s="257"/>
      <c r="N13" s="257"/>
      <c r="O13" s="199"/>
      <c r="P13" s="199"/>
      <c r="Q13" s="199"/>
      <c r="R13" s="199"/>
      <c r="S13" s="199"/>
      <c r="T13" s="199"/>
      <c r="U13" s="199"/>
      <c r="V13" s="199"/>
      <c r="W13" s="199"/>
      <c r="X13" s="154"/>
      <c r="Y13" s="109"/>
      <c r="Z13" s="108"/>
      <c r="AA13" s="108"/>
      <c r="AB13" s="110"/>
      <c r="AC13" s="109"/>
      <c r="AD13" s="108"/>
      <c r="AE13" s="108"/>
      <c r="AF13" s="110"/>
    </row>
    <row r="14" spans="1:33" ht="18.75" customHeight="1" x14ac:dyDescent="0.15">
      <c r="A14" s="167"/>
      <c r="B14" s="157"/>
      <c r="C14" s="213"/>
      <c r="D14" s="226"/>
      <c r="E14" s="115"/>
      <c r="F14" s="226"/>
      <c r="G14" s="184"/>
      <c r="H14" s="114" t="s">
        <v>148</v>
      </c>
      <c r="I14" s="217" t="s">
        <v>212</v>
      </c>
      <c r="J14" s="138" t="s">
        <v>194</v>
      </c>
      <c r="K14" s="136"/>
      <c r="L14" s="165"/>
      <c r="M14" s="217" t="s">
        <v>212</v>
      </c>
      <c r="N14" s="138" t="s">
        <v>195</v>
      </c>
      <c r="O14" s="126"/>
      <c r="P14" s="126"/>
      <c r="Q14" s="126"/>
      <c r="R14" s="126"/>
      <c r="S14" s="126"/>
      <c r="T14" s="126"/>
      <c r="U14" s="126"/>
      <c r="V14" s="126"/>
      <c r="W14" s="126"/>
      <c r="X14" s="164"/>
      <c r="Y14" s="109"/>
      <c r="Z14" s="108"/>
      <c r="AA14" s="108"/>
      <c r="AB14" s="110"/>
      <c r="AC14" s="109"/>
      <c r="AD14" s="108"/>
      <c r="AE14" s="108"/>
      <c r="AF14" s="110"/>
    </row>
    <row r="15" spans="1:33" ht="18.75" customHeight="1" x14ac:dyDescent="0.15">
      <c r="A15" s="167"/>
      <c r="B15" s="157"/>
      <c r="C15" s="213"/>
      <c r="D15" s="226"/>
      <c r="E15" s="115"/>
      <c r="F15" s="226"/>
      <c r="G15" s="184"/>
      <c r="H15" s="262" t="s">
        <v>129</v>
      </c>
      <c r="I15" s="258" t="s">
        <v>212</v>
      </c>
      <c r="J15" s="256" t="s">
        <v>184</v>
      </c>
      <c r="K15" s="256"/>
      <c r="L15" s="258" t="s">
        <v>212</v>
      </c>
      <c r="M15" s="256" t="s">
        <v>196</v>
      </c>
      <c r="N15" s="256"/>
      <c r="O15" s="140"/>
      <c r="P15" s="140"/>
      <c r="Q15" s="140"/>
      <c r="R15" s="140"/>
      <c r="S15" s="140"/>
      <c r="T15" s="140"/>
      <c r="U15" s="140"/>
      <c r="V15" s="140"/>
      <c r="W15" s="140"/>
      <c r="X15" s="141"/>
      <c r="Y15" s="109"/>
      <c r="Z15" s="108"/>
      <c r="AA15" s="108"/>
      <c r="AB15" s="110"/>
      <c r="AC15" s="109"/>
      <c r="AD15" s="108"/>
      <c r="AE15" s="108"/>
      <c r="AF15" s="110"/>
    </row>
    <row r="16" spans="1:33" ht="18.75" customHeight="1" x14ac:dyDescent="0.15">
      <c r="A16" s="167"/>
      <c r="B16" s="157"/>
      <c r="C16" s="213"/>
      <c r="D16" s="226"/>
      <c r="E16" s="115"/>
      <c r="F16" s="226"/>
      <c r="G16" s="184"/>
      <c r="H16" s="263"/>
      <c r="I16" s="259"/>
      <c r="J16" s="257"/>
      <c r="K16" s="257"/>
      <c r="L16" s="259"/>
      <c r="M16" s="257"/>
      <c r="N16" s="257"/>
      <c r="O16" s="142"/>
      <c r="P16" s="142"/>
      <c r="Q16" s="142"/>
      <c r="R16" s="142"/>
      <c r="S16" s="142"/>
      <c r="T16" s="142"/>
      <c r="U16" s="142"/>
      <c r="V16" s="142"/>
      <c r="W16" s="142"/>
      <c r="X16" s="143"/>
      <c r="Y16" s="109"/>
      <c r="Z16" s="108"/>
      <c r="AA16" s="108"/>
      <c r="AB16" s="110"/>
      <c r="AC16" s="109"/>
      <c r="AD16" s="108"/>
      <c r="AE16" s="108"/>
      <c r="AF16" s="110"/>
    </row>
    <row r="17" spans="1:32" ht="18.75" customHeight="1" x14ac:dyDescent="0.15">
      <c r="A17" s="167"/>
      <c r="B17" s="157"/>
      <c r="C17" s="213"/>
      <c r="D17" s="226"/>
      <c r="E17" s="115"/>
      <c r="F17" s="226"/>
      <c r="G17" s="184"/>
      <c r="H17" s="262" t="s">
        <v>130</v>
      </c>
      <c r="I17" s="258" t="s">
        <v>212</v>
      </c>
      <c r="J17" s="256" t="s">
        <v>184</v>
      </c>
      <c r="K17" s="256"/>
      <c r="L17" s="258" t="s">
        <v>212</v>
      </c>
      <c r="M17" s="256" t="s">
        <v>196</v>
      </c>
      <c r="N17" s="256"/>
      <c r="O17" s="140"/>
      <c r="P17" s="140"/>
      <c r="Q17" s="140"/>
      <c r="R17" s="140"/>
      <c r="S17" s="140"/>
      <c r="T17" s="140"/>
      <c r="U17" s="140"/>
      <c r="V17" s="140"/>
      <c r="W17" s="140"/>
      <c r="X17" s="141"/>
      <c r="Y17" s="109"/>
      <c r="Z17" s="108"/>
      <c r="AA17" s="108"/>
      <c r="AB17" s="110"/>
      <c r="AC17" s="109"/>
      <c r="AD17" s="108"/>
      <c r="AE17" s="108"/>
      <c r="AF17" s="110"/>
    </row>
    <row r="18" spans="1:32" ht="18.75" customHeight="1" x14ac:dyDescent="0.15">
      <c r="A18" s="167"/>
      <c r="B18" s="157"/>
      <c r="C18" s="213"/>
      <c r="D18" s="226"/>
      <c r="E18" s="115"/>
      <c r="F18" s="226"/>
      <c r="G18" s="184"/>
      <c r="H18" s="263"/>
      <c r="I18" s="259"/>
      <c r="J18" s="257"/>
      <c r="K18" s="257"/>
      <c r="L18" s="259"/>
      <c r="M18" s="257"/>
      <c r="N18" s="257"/>
      <c r="O18" s="142"/>
      <c r="P18" s="142"/>
      <c r="Q18" s="142"/>
      <c r="R18" s="142"/>
      <c r="S18" s="142"/>
      <c r="T18" s="142"/>
      <c r="U18" s="142"/>
      <c r="V18" s="142"/>
      <c r="W18" s="142"/>
      <c r="X18" s="143"/>
      <c r="Y18" s="109"/>
      <c r="Z18" s="108"/>
      <c r="AA18" s="108"/>
      <c r="AB18" s="110"/>
      <c r="AC18" s="109"/>
      <c r="AD18" s="108"/>
      <c r="AE18" s="108"/>
      <c r="AF18" s="110"/>
    </row>
    <row r="19" spans="1:32" ht="18.75" customHeight="1" x14ac:dyDescent="0.15">
      <c r="A19" s="167"/>
      <c r="B19" s="157"/>
      <c r="C19" s="213"/>
      <c r="D19" s="226"/>
      <c r="E19" s="115"/>
      <c r="F19" s="226"/>
      <c r="G19" s="184"/>
      <c r="H19" s="262" t="s">
        <v>131</v>
      </c>
      <c r="I19" s="258" t="s">
        <v>212</v>
      </c>
      <c r="J19" s="256" t="s">
        <v>184</v>
      </c>
      <c r="K19" s="256"/>
      <c r="L19" s="258" t="s">
        <v>212</v>
      </c>
      <c r="M19" s="256" t="s">
        <v>196</v>
      </c>
      <c r="N19" s="256"/>
      <c r="O19" s="140"/>
      <c r="P19" s="140"/>
      <c r="Q19" s="140"/>
      <c r="R19" s="140"/>
      <c r="S19" s="140"/>
      <c r="T19" s="140"/>
      <c r="U19" s="140"/>
      <c r="V19" s="140"/>
      <c r="W19" s="140"/>
      <c r="X19" s="141"/>
      <c r="Y19" s="109"/>
      <c r="Z19" s="108"/>
      <c r="AA19" s="108"/>
      <c r="AB19" s="110"/>
      <c r="AC19" s="109"/>
      <c r="AD19" s="108"/>
      <c r="AE19" s="108"/>
      <c r="AF19" s="110"/>
    </row>
    <row r="20" spans="1:32" ht="18.75" customHeight="1" x14ac:dyDescent="0.15">
      <c r="A20" s="167"/>
      <c r="B20" s="157"/>
      <c r="C20" s="213"/>
      <c r="D20" s="226"/>
      <c r="E20" s="115"/>
      <c r="F20" s="226"/>
      <c r="G20" s="184"/>
      <c r="H20" s="263"/>
      <c r="I20" s="259"/>
      <c r="J20" s="257"/>
      <c r="K20" s="257"/>
      <c r="L20" s="259"/>
      <c r="M20" s="257"/>
      <c r="N20" s="257"/>
      <c r="O20" s="142"/>
      <c r="P20" s="142"/>
      <c r="Q20" s="142"/>
      <c r="R20" s="142"/>
      <c r="S20" s="142"/>
      <c r="T20" s="142"/>
      <c r="U20" s="142"/>
      <c r="V20" s="142"/>
      <c r="W20" s="142"/>
      <c r="X20" s="143"/>
      <c r="Y20" s="109"/>
      <c r="Z20" s="108"/>
      <c r="AA20" s="108"/>
      <c r="AB20" s="110"/>
      <c r="AC20" s="109"/>
      <c r="AD20" s="108"/>
      <c r="AE20" s="108"/>
      <c r="AF20" s="110"/>
    </row>
    <row r="21" spans="1:32" ht="18.75" customHeight="1" x14ac:dyDescent="0.15">
      <c r="A21" s="167"/>
      <c r="B21" s="157"/>
      <c r="C21" s="213"/>
      <c r="D21" s="226"/>
      <c r="E21" s="115"/>
      <c r="F21" s="226"/>
      <c r="G21" s="184"/>
      <c r="H21" s="262" t="s">
        <v>132</v>
      </c>
      <c r="I21" s="258" t="s">
        <v>212</v>
      </c>
      <c r="J21" s="256" t="s">
        <v>184</v>
      </c>
      <c r="K21" s="256"/>
      <c r="L21" s="258" t="s">
        <v>212</v>
      </c>
      <c r="M21" s="256" t="s">
        <v>196</v>
      </c>
      <c r="N21" s="256"/>
      <c r="O21" s="140"/>
      <c r="P21" s="140"/>
      <c r="Q21" s="140"/>
      <c r="R21" s="140"/>
      <c r="S21" s="140"/>
      <c r="T21" s="140"/>
      <c r="U21" s="140"/>
      <c r="V21" s="140"/>
      <c r="W21" s="140"/>
      <c r="X21" s="141"/>
      <c r="Y21" s="109"/>
      <c r="Z21" s="108"/>
      <c r="AA21" s="108"/>
      <c r="AB21" s="110"/>
      <c r="AC21" s="109"/>
      <c r="AD21" s="108"/>
      <c r="AE21" s="108"/>
      <c r="AF21" s="110"/>
    </row>
    <row r="22" spans="1:32" ht="18.75" customHeight="1" x14ac:dyDescent="0.15">
      <c r="A22" s="167"/>
      <c r="B22" s="157"/>
      <c r="C22" s="213"/>
      <c r="D22" s="226"/>
      <c r="E22" s="115"/>
      <c r="F22" s="226"/>
      <c r="G22" s="184"/>
      <c r="H22" s="263"/>
      <c r="I22" s="259"/>
      <c r="J22" s="257"/>
      <c r="K22" s="257"/>
      <c r="L22" s="259"/>
      <c r="M22" s="257"/>
      <c r="N22" s="257"/>
      <c r="O22" s="142"/>
      <c r="P22" s="142"/>
      <c r="Q22" s="142"/>
      <c r="R22" s="142"/>
      <c r="S22" s="142"/>
      <c r="T22" s="142"/>
      <c r="U22" s="142"/>
      <c r="V22" s="142"/>
      <c r="W22" s="142"/>
      <c r="X22" s="143"/>
      <c r="Y22" s="109"/>
      <c r="Z22" s="108"/>
      <c r="AA22" s="108"/>
      <c r="AB22" s="110"/>
      <c r="AC22" s="109"/>
      <c r="AD22" s="108"/>
      <c r="AE22" s="108"/>
      <c r="AF22" s="110"/>
    </row>
    <row r="23" spans="1:32" ht="18.75" customHeight="1" x14ac:dyDescent="0.15">
      <c r="A23" s="167"/>
      <c r="B23" s="157"/>
      <c r="C23" s="213"/>
      <c r="D23" s="226"/>
      <c r="E23" s="115"/>
      <c r="F23" s="226"/>
      <c r="G23" s="184"/>
      <c r="H23" s="215" t="s">
        <v>128</v>
      </c>
      <c r="I23" s="172" t="s">
        <v>212</v>
      </c>
      <c r="J23" s="138" t="s">
        <v>184</v>
      </c>
      <c r="K23" s="136"/>
      <c r="L23" s="173" t="s">
        <v>212</v>
      </c>
      <c r="M23" s="138" t="s">
        <v>196</v>
      </c>
      <c r="N23" s="207"/>
      <c r="O23" s="207"/>
      <c r="P23" s="207"/>
      <c r="Q23" s="207"/>
      <c r="R23" s="207"/>
      <c r="S23" s="207"/>
      <c r="T23" s="207"/>
      <c r="U23" s="207"/>
      <c r="V23" s="207"/>
      <c r="W23" s="207"/>
      <c r="X23" s="162"/>
      <c r="Y23" s="109"/>
      <c r="Z23" s="108"/>
      <c r="AA23" s="108"/>
      <c r="AB23" s="110"/>
      <c r="AC23" s="109"/>
      <c r="AD23" s="108"/>
      <c r="AE23" s="108"/>
      <c r="AF23" s="110"/>
    </row>
    <row r="24" spans="1:32" ht="18.75" customHeight="1" x14ac:dyDescent="0.15">
      <c r="A24" s="216" t="s">
        <v>212</v>
      </c>
      <c r="B24" s="157">
        <v>78</v>
      </c>
      <c r="C24" s="213" t="s">
        <v>127</v>
      </c>
      <c r="D24" s="216" t="s">
        <v>212</v>
      </c>
      <c r="E24" s="115" t="s">
        <v>227</v>
      </c>
      <c r="F24" s="226"/>
      <c r="G24" s="184"/>
      <c r="H24" s="218" t="s">
        <v>169</v>
      </c>
      <c r="I24" s="217" t="s">
        <v>212</v>
      </c>
      <c r="J24" s="142" t="s">
        <v>184</v>
      </c>
      <c r="K24" s="142"/>
      <c r="L24" s="173" t="s">
        <v>212</v>
      </c>
      <c r="M24" s="142" t="s">
        <v>185</v>
      </c>
      <c r="N24" s="138"/>
      <c r="O24" s="217" t="s">
        <v>212</v>
      </c>
      <c r="P24" s="138" t="s">
        <v>186</v>
      </c>
      <c r="Q24" s="207"/>
      <c r="R24" s="207"/>
      <c r="S24" s="207"/>
      <c r="T24" s="207"/>
      <c r="U24" s="207"/>
      <c r="V24" s="207"/>
      <c r="W24" s="207"/>
      <c r="X24" s="162"/>
      <c r="Y24" s="109"/>
      <c r="Z24" s="108"/>
      <c r="AA24" s="108"/>
      <c r="AB24" s="110"/>
      <c r="AC24" s="109"/>
      <c r="AD24" s="108"/>
      <c r="AE24" s="108"/>
      <c r="AF24" s="110"/>
    </row>
    <row r="25" spans="1:32" ht="18.75" customHeight="1" x14ac:dyDescent="0.15">
      <c r="A25" s="167"/>
      <c r="B25" s="157"/>
      <c r="C25" s="213"/>
      <c r="D25" s="216" t="s">
        <v>212</v>
      </c>
      <c r="E25" s="115" t="s">
        <v>228</v>
      </c>
      <c r="F25" s="226"/>
      <c r="G25" s="184"/>
      <c r="H25" s="218" t="s">
        <v>143</v>
      </c>
      <c r="I25" s="208" t="s">
        <v>212</v>
      </c>
      <c r="J25" s="138" t="s">
        <v>184</v>
      </c>
      <c r="K25" s="136"/>
      <c r="L25" s="217" t="s">
        <v>212</v>
      </c>
      <c r="M25" s="138" t="s">
        <v>196</v>
      </c>
      <c r="N25" s="207"/>
      <c r="O25" s="207"/>
      <c r="P25" s="207"/>
      <c r="Q25" s="207"/>
      <c r="R25" s="207"/>
      <c r="S25" s="207"/>
      <c r="T25" s="207"/>
      <c r="U25" s="207"/>
      <c r="V25" s="207"/>
      <c r="W25" s="207"/>
      <c r="X25" s="162"/>
      <c r="Y25" s="109"/>
      <c r="Z25" s="108"/>
      <c r="AA25" s="108"/>
      <c r="AB25" s="110"/>
      <c r="AC25" s="109"/>
      <c r="AD25" s="108"/>
      <c r="AE25" s="108"/>
      <c r="AF25" s="110"/>
    </row>
    <row r="26" spans="1:32" ht="18.75" customHeight="1" x14ac:dyDescent="0.15">
      <c r="A26" s="167"/>
      <c r="B26" s="157"/>
      <c r="C26" s="213"/>
      <c r="D26" s="226"/>
      <c r="E26" s="115"/>
      <c r="F26" s="226"/>
      <c r="G26" s="184"/>
      <c r="H26" s="218" t="s">
        <v>139</v>
      </c>
      <c r="I26" s="208" t="s">
        <v>212</v>
      </c>
      <c r="J26" s="138" t="s">
        <v>184</v>
      </c>
      <c r="K26" s="138"/>
      <c r="L26" s="210" t="s">
        <v>212</v>
      </c>
      <c r="M26" s="138" t="s">
        <v>197</v>
      </c>
      <c r="N26" s="138"/>
      <c r="O26" s="217" t="s">
        <v>212</v>
      </c>
      <c r="P26" s="138" t="s">
        <v>198</v>
      </c>
      <c r="Q26" s="207"/>
      <c r="R26" s="207"/>
      <c r="S26" s="207"/>
      <c r="T26" s="207"/>
      <c r="U26" s="207"/>
      <c r="V26" s="207"/>
      <c r="W26" s="207"/>
      <c r="X26" s="162"/>
      <c r="Y26" s="109"/>
      <c r="Z26" s="108"/>
      <c r="AA26" s="108"/>
      <c r="AB26" s="110"/>
      <c r="AC26" s="109"/>
      <c r="AD26" s="108"/>
      <c r="AE26" s="108"/>
      <c r="AF26" s="110"/>
    </row>
    <row r="27" spans="1:32" ht="18.75" customHeight="1" x14ac:dyDescent="0.15">
      <c r="A27" s="167"/>
      <c r="B27" s="157"/>
      <c r="C27" s="213"/>
      <c r="D27" s="226"/>
      <c r="E27" s="115"/>
      <c r="F27" s="226"/>
      <c r="G27" s="184"/>
      <c r="H27" s="218" t="s">
        <v>156</v>
      </c>
      <c r="I27" s="208" t="s">
        <v>212</v>
      </c>
      <c r="J27" s="138" t="s">
        <v>184</v>
      </c>
      <c r="K27" s="138"/>
      <c r="L27" s="210" t="s">
        <v>212</v>
      </c>
      <c r="M27" s="138" t="s">
        <v>203</v>
      </c>
      <c r="N27" s="155"/>
      <c r="O27" s="155"/>
      <c r="P27" s="217" t="s">
        <v>212</v>
      </c>
      <c r="Q27" s="138" t="s">
        <v>204</v>
      </c>
      <c r="R27" s="155"/>
      <c r="S27" s="155"/>
      <c r="T27" s="155"/>
      <c r="U27" s="155"/>
      <c r="V27" s="155"/>
      <c r="W27" s="155"/>
      <c r="X27" s="156"/>
      <c r="Y27" s="109"/>
      <c r="Z27" s="108"/>
      <c r="AA27" s="108"/>
      <c r="AB27" s="110"/>
      <c r="AC27" s="109"/>
      <c r="AD27" s="108"/>
      <c r="AE27" s="108"/>
      <c r="AF27" s="110"/>
    </row>
    <row r="28" spans="1:32" ht="18.75" customHeight="1" x14ac:dyDescent="0.15">
      <c r="A28" s="167"/>
      <c r="B28" s="157"/>
      <c r="C28" s="213"/>
      <c r="D28" s="226"/>
      <c r="E28" s="115"/>
      <c r="F28" s="226"/>
      <c r="G28" s="184"/>
      <c r="H28" s="114" t="s">
        <v>144</v>
      </c>
      <c r="I28" s="208" t="s">
        <v>212</v>
      </c>
      <c r="J28" s="138" t="s">
        <v>184</v>
      </c>
      <c r="K28" s="136"/>
      <c r="L28" s="210" t="s">
        <v>212</v>
      </c>
      <c r="M28" s="138" t="s">
        <v>196</v>
      </c>
      <c r="N28" s="207"/>
      <c r="O28" s="207"/>
      <c r="P28" s="207"/>
      <c r="Q28" s="207"/>
      <c r="R28" s="207"/>
      <c r="S28" s="207"/>
      <c r="T28" s="207"/>
      <c r="U28" s="207"/>
      <c r="V28" s="207"/>
      <c r="W28" s="207"/>
      <c r="X28" s="162"/>
      <c r="Y28" s="109"/>
      <c r="Z28" s="108"/>
      <c r="AA28" s="108"/>
      <c r="AB28" s="110"/>
      <c r="AC28" s="109"/>
      <c r="AD28" s="108"/>
      <c r="AE28" s="108"/>
      <c r="AF28" s="110"/>
    </row>
    <row r="29" spans="1:32" ht="18.75" customHeight="1" x14ac:dyDescent="0.15">
      <c r="A29" s="167"/>
      <c r="B29" s="157"/>
      <c r="C29" s="213"/>
      <c r="D29" s="226"/>
      <c r="E29" s="115"/>
      <c r="F29" s="226"/>
      <c r="G29" s="184"/>
      <c r="H29" s="114" t="s">
        <v>170</v>
      </c>
      <c r="I29" s="208" t="s">
        <v>212</v>
      </c>
      <c r="J29" s="138" t="s">
        <v>184</v>
      </c>
      <c r="K29" s="136"/>
      <c r="L29" s="173" t="s">
        <v>212</v>
      </c>
      <c r="M29" s="138" t="s">
        <v>196</v>
      </c>
      <c r="N29" s="207"/>
      <c r="O29" s="207"/>
      <c r="P29" s="207"/>
      <c r="Q29" s="207"/>
      <c r="R29" s="207"/>
      <c r="S29" s="207"/>
      <c r="T29" s="207"/>
      <c r="U29" s="207"/>
      <c r="V29" s="207"/>
      <c r="W29" s="207"/>
      <c r="X29" s="162"/>
      <c r="Y29" s="109"/>
      <c r="Z29" s="108"/>
      <c r="AA29" s="108"/>
      <c r="AB29" s="110"/>
      <c r="AC29" s="109"/>
      <c r="AD29" s="108"/>
      <c r="AE29" s="108"/>
      <c r="AF29" s="110"/>
    </row>
    <row r="30" spans="1:32" ht="18.75" customHeight="1" x14ac:dyDescent="0.15">
      <c r="A30" s="167"/>
      <c r="B30" s="157"/>
      <c r="C30" s="213"/>
      <c r="D30" s="226"/>
      <c r="E30" s="115"/>
      <c r="F30" s="226"/>
      <c r="G30" s="184"/>
      <c r="H30" s="215" t="s">
        <v>118</v>
      </c>
      <c r="I30" s="208" t="s">
        <v>212</v>
      </c>
      <c r="J30" s="138" t="s">
        <v>184</v>
      </c>
      <c r="K30" s="136"/>
      <c r="L30" s="217" t="s">
        <v>212</v>
      </c>
      <c r="M30" s="138" t="s">
        <v>196</v>
      </c>
      <c r="N30" s="207"/>
      <c r="O30" s="207"/>
      <c r="P30" s="207"/>
      <c r="Q30" s="207"/>
      <c r="R30" s="207"/>
      <c r="S30" s="207"/>
      <c r="T30" s="207"/>
      <c r="U30" s="207"/>
      <c r="V30" s="207"/>
      <c r="W30" s="207"/>
      <c r="X30" s="162"/>
      <c r="Y30" s="109"/>
      <c r="Z30" s="108"/>
      <c r="AA30" s="108"/>
      <c r="AB30" s="110"/>
      <c r="AC30" s="109"/>
      <c r="AD30" s="108"/>
      <c r="AE30" s="108"/>
      <c r="AF30" s="110"/>
    </row>
    <row r="31" spans="1:32" ht="18.75" customHeight="1" x14ac:dyDescent="0.15">
      <c r="A31" s="167"/>
      <c r="B31" s="157"/>
      <c r="C31" s="213"/>
      <c r="D31" s="226"/>
      <c r="E31" s="115"/>
      <c r="F31" s="226"/>
      <c r="G31" s="184"/>
      <c r="H31" s="114" t="s">
        <v>103</v>
      </c>
      <c r="I31" s="172" t="s">
        <v>212</v>
      </c>
      <c r="J31" s="138" t="s">
        <v>184</v>
      </c>
      <c r="K31" s="136"/>
      <c r="L31" s="173" t="s">
        <v>212</v>
      </c>
      <c r="M31" s="138" t="s">
        <v>196</v>
      </c>
      <c r="N31" s="207"/>
      <c r="O31" s="207"/>
      <c r="P31" s="207"/>
      <c r="Q31" s="207"/>
      <c r="R31" s="207"/>
      <c r="S31" s="207"/>
      <c r="T31" s="207"/>
      <c r="U31" s="207"/>
      <c r="V31" s="207"/>
      <c r="W31" s="207"/>
      <c r="X31" s="162"/>
      <c r="Y31" s="109"/>
      <c r="Z31" s="108"/>
      <c r="AA31" s="108"/>
      <c r="AB31" s="110"/>
      <c r="AC31" s="109"/>
      <c r="AD31" s="108"/>
      <c r="AE31" s="108"/>
      <c r="AF31" s="110"/>
    </row>
    <row r="32" spans="1:32" ht="18.75" customHeight="1" x14ac:dyDescent="0.15">
      <c r="A32" s="167"/>
      <c r="B32" s="157"/>
      <c r="C32" s="213"/>
      <c r="D32" s="226"/>
      <c r="E32" s="115"/>
      <c r="F32" s="226"/>
      <c r="G32" s="184"/>
      <c r="H32" s="161" t="s">
        <v>172</v>
      </c>
      <c r="I32" s="173" t="s">
        <v>212</v>
      </c>
      <c r="J32" s="138" t="s">
        <v>184</v>
      </c>
      <c r="K32" s="136"/>
      <c r="L32" s="211" t="s">
        <v>212</v>
      </c>
      <c r="M32" s="138" t="s">
        <v>196</v>
      </c>
      <c r="N32" s="207"/>
      <c r="O32" s="207"/>
      <c r="P32" s="207"/>
      <c r="Q32" s="207"/>
      <c r="R32" s="207"/>
      <c r="S32" s="207"/>
      <c r="T32" s="207"/>
      <c r="U32" s="207"/>
      <c r="V32" s="207"/>
      <c r="W32" s="207"/>
      <c r="X32" s="162"/>
      <c r="Y32" s="109"/>
      <c r="Z32" s="108"/>
      <c r="AA32" s="108"/>
      <c r="AB32" s="110"/>
      <c r="AC32" s="109"/>
      <c r="AD32" s="108"/>
      <c r="AE32" s="108"/>
      <c r="AF32" s="110"/>
    </row>
    <row r="33" spans="1:32" ht="18.75" customHeight="1" x14ac:dyDescent="0.15">
      <c r="A33" s="167"/>
      <c r="B33" s="157"/>
      <c r="C33" s="213"/>
      <c r="D33" s="226"/>
      <c r="E33" s="115"/>
      <c r="F33" s="226"/>
      <c r="G33" s="184"/>
      <c r="H33" s="218" t="s">
        <v>157</v>
      </c>
      <c r="I33" s="172" t="s">
        <v>212</v>
      </c>
      <c r="J33" s="138" t="s">
        <v>184</v>
      </c>
      <c r="K33" s="136"/>
      <c r="L33" s="211" t="s">
        <v>212</v>
      </c>
      <c r="M33" s="138" t="s">
        <v>196</v>
      </c>
      <c r="N33" s="207"/>
      <c r="O33" s="207"/>
      <c r="P33" s="207"/>
      <c r="Q33" s="207"/>
      <c r="R33" s="207"/>
      <c r="S33" s="207"/>
      <c r="T33" s="207"/>
      <c r="U33" s="207"/>
      <c r="V33" s="207"/>
      <c r="W33" s="207"/>
      <c r="X33" s="162"/>
      <c r="Y33" s="109"/>
      <c r="Z33" s="108"/>
      <c r="AA33" s="108"/>
      <c r="AB33" s="110"/>
      <c r="AC33" s="109"/>
      <c r="AD33" s="108"/>
      <c r="AE33" s="108"/>
      <c r="AF33" s="110"/>
    </row>
    <row r="34" spans="1:32" ht="18.75" customHeight="1" x14ac:dyDescent="0.15">
      <c r="A34" s="167"/>
      <c r="B34" s="157"/>
      <c r="C34" s="213"/>
      <c r="D34" s="226"/>
      <c r="E34" s="115"/>
      <c r="F34" s="226"/>
      <c r="G34" s="184"/>
      <c r="H34" s="218" t="s">
        <v>154</v>
      </c>
      <c r="I34" s="217" t="s">
        <v>212</v>
      </c>
      <c r="J34" s="138" t="s">
        <v>184</v>
      </c>
      <c r="K34" s="136"/>
      <c r="L34" s="211" t="s">
        <v>212</v>
      </c>
      <c r="M34" s="138" t="s">
        <v>196</v>
      </c>
      <c r="N34" s="207"/>
      <c r="O34" s="207"/>
      <c r="P34" s="207"/>
      <c r="Q34" s="207"/>
      <c r="R34" s="207"/>
      <c r="S34" s="207"/>
      <c r="T34" s="207"/>
      <c r="U34" s="207"/>
      <c r="V34" s="207"/>
      <c r="W34" s="207"/>
      <c r="X34" s="162"/>
      <c r="Y34" s="109"/>
      <c r="Z34" s="108"/>
      <c r="AA34" s="108"/>
      <c r="AB34" s="110"/>
      <c r="AC34" s="109"/>
      <c r="AD34" s="108"/>
      <c r="AE34" s="108"/>
      <c r="AF34" s="110"/>
    </row>
    <row r="35" spans="1:32" ht="18.75" customHeight="1" x14ac:dyDescent="0.15">
      <c r="A35" s="167"/>
      <c r="B35" s="157"/>
      <c r="C35" s="213"/>
      <c r="D35" s="226"/>
      <c r="E35" s="115"/>
      <c r="F35" s="226"/>
      <c r="G35" s="184"/>
      <c r="H35" s="284" t="s">
        <v>105</v>
      </c>
      <c r="I35" s="208" t="s">
        <v>212</v>
      </c>
      <c r="J35" s="140" t="s">
        <v>184</v>
      </c>
      <c r="K35" s="200"/>
      <c r="L35" s="210" t="s">
        <v>212</v>
      </c>
      <c r="M35" s="140" t="s">
        <v>218</v>
      </c>
      <c r="N35" s="200"/>
      <c r="O35" s="200"/>
      <c r="P35" s="200"/>
      <c r="Q35" s="200"/>
      <c r="R35" s="210" t="s">
        <v>212</v>
      </c>
      <c r="S35" s="140" t="s">
        <v>254</v>
      </c>
      <c r="T35" s="140"/>
      <c r="U35" s="200"/>
      <c r="V35" s="200"/>
      <c r="W35" s="200"/>
      <c r="X35" s="151"/>
      <c r="Y35" s="109"/>
      <c r="Z35" s="108"/>
      <c r="AA35" s="108"/>
      <c r="AB35" s="110"/>
      <c r="AC35" s="109"/>
      <c r="AD35" s="108"/>
      <c r="AE35" s="108"/>
      <c r="AF35" s="110"/>
    </row>
    <row r="36" spans="1:32" ht="18.75" customHeight="1" x14ac:dyDescent="0.15">
      <c r="A36" s="167"/>
      <c r="B36" s="157"/>
      <c r="C36" s="213"/>
      <c r="D36" s="226"/>
      <c r="E36" s="115"/>
      <c r="F36" s="226"/>
      <c r="G36" s="184"/>
      <c r="H36" s="285"/>
      <c r="I36" s="216" t="s">
        <v>212</v>
      </c>
      <c r="J36" s="198" t="s">
        <v>219</v>
      </c>
      <c r="K36" s="96"/>
      <c r="L36" s="96"/>
      <c r="M36" s="96"/>
      <c r="N36" s="96"/>
      <c r="O36" s="217" t="s">
        <v>212</v>
      </c>
      <c r="P36" s="188" t="s">
        <v>220</v>
      </c>
      <c r="Q36" s="96"/>
      <c r="R36" s="96"/>
      <c r="S36" s="96"/>
      <c r="T36" s="96"/>
      <c r="U36" s="96"/>
      <c r="V36" s="96"/>
      <c r="W36" s="96"/>
      <c r="X36" s="135"/>
      <c r="Y36" s="109"/>
      <c r="Z36" s="108"/>
      <c r="AA36" s="108"/>
      <c r="AB36" s="110"/>
      <c r="AC36" s="109"/>
      <c r="AD36" s="108"/>
      <c r="AE36" s="108"/>
      <c r="AF36" s="110"/>
    </row>
    <row r="37" spans="1:32" ht="18.75" customHeight="1" x14ac:dyDescent="0.15">
      <c r="A37" s="167"/>
      <c r="B37" s="157"/>
      <c r="C37" s="213"/>
      <c r="D37" s="226"/>
      <c r="E37" s="115"/>
      <c r="F37" s="226"/>
      <c r="G37" s="184"/>
      <c r="H37" s="286"/>
      <c r="I37" s="216" t="s">
        <v>212</v>
      </c>
      <c r="J37" s="198" t="s">
        <v>221</v>
      </c>
      <c r="K37" s="131"/>
      <c r="L37" s="131"/>
      <c r="M37" s="131"/>
      <c r="N37" s="131"/>
      <c r="O37" s="188"/>
      <c r="P37" s="188"/>
      <c r="Q37" s="131"/>
      <c r="R37" s="131"/>
      <c r="S37" s="131"/>
      <c r="T37" s="131"/>
      <c r="U37" s="131"/>
      <c r="V37" s="131"/>
      <c r="W37" s="131"/>
      <c r="X37" s="132"/>
      <c r="Y37" s="109"/>
      <c r="Z37" s="108"/>
      <c r="AA37" s="108"/>
      <c r="AB37" s="110"/>
      <c r="AC37" s="109"/>
      <c r="AD37" s="108"/>
      <c r="AE37" s="108"/>
      <c r="AF37" s="110"/>
    </row>
    <row r="38" spans="1:32" ht="18.75" customHeight="1" x14ac:dyDescent="0.15">
      <c r="A38" s="167"/>
      <c r="B38" s="157"/>
      <c r="C38" s="213"/>
      <c r="D38" s="226"/>
      <c r="E38" s="115"/>
      <c r="F38" s="226"/>
      <c r="G38" s="184"/>
      <c r="H38" s="114" t="s">
        <v>109</v>
      </c>
      <c r="I38" s="172" t="s">
        <v>212</v>
      </c>
      <c r="J38" s="138" t="s">
        <v>184</v>
      </c>
      <c r="K38" s="138"/>
      <c r="L38" s="173" t="s">
        <v>212</v>
      </c>
      <c r="M38" s="138" t="s">
        <v>191</v>
      </c>
      <c r="N38" s="138"/>
      <c r="O38" s="210" t="s">
        <v>212</v>
      </c>
      <c r="P38" s="138" t="s">
        <v>192</v>
      </c>
      <c r="Q38" s="138"/>
      <c r="R38" s="173" t="s">
        <v>212</v>
      </c>
      <c r="S38" s="138" t="s">
        <v>193</v>
      </c>
      <c r="T38" s="138"/>
      <c r="U38" s="126"/>
      <c r="V38" s="126"/>
      <c r="W38" s="126"/>
      <c r="X38" s="164"/>
      <c r="Y38" s="109"/>
      <c r="Z38" s="108"/>
      <c r="AA38" s="108"/>
      <c r="AB38" s="110"/>
      <c r="AC38" s="109"/>
      <c r="AD38" s="108"/>
      <c r="AE38" s="108"/>
      <c r="AF38" s="110"/>
    </row>
    <row r="39" spans="1:32" ht="18.75" customHeight="1" x14ac:dyDescent="0.15">
      <c r="A39" s="167"/>
      <c r="B39" s="157"/>
      <c r="C39" s="213"/>
      <c r="D39" s="226"/>
      <c r="E39" s="115"/>
      <c r="F39" s="226"/>
      <c r="G39" s="184"/>
      <c r="H39" s="220" t="s">
        <v>279</v>
      </c>
      <c r="I39" s="208" t="s">
        <v>212</v>
      </c>
      <c r="J39" s="140" t="s">
        <v>280</v>
      </c>
      <c r="K39" s="140"/>
      <c r="L39" s="173" t="s">
        <v>212</v>
      </c>
      <c r="M39" s="140" t="s">
        <v>281</v>
      </c>
      <c r="N39" s="140"/>
      <c r="O39" s="210" t="s">
        <v>212</v>
      </c>
      <c r="P39" s="140" t="s">
        <v>282</v>
      </c>
      <c r="Q39" s="140"/>
      <c r="R39" s="210"/>
      <c r="S39" s="140"/>
      <c r="T39" s="140"/>
      <c r="U39" s="129"/>
      <c r="V39" s="129"/>
      <c r="W39" s="129"/>
      <c r="X39" s="130"/>
      <c r="Y39" s="109"/>
      <c r="Z39" s="108"/>
      <c r="AA39" s="108"/>
      <c r="AB39" s="110"/>
      <c r="AC39" s="109"/>
      <c r="AD39" s="108"/>
      <c r="AE39" s="108"/>
      <c r="AF39" s="110"/>
    </row>
    <row r="40" spans="1:32" ht="18.75" customHeight="1" x14ac:dyDescent="0.15">
      <c r="A40" s="168"/>
      <c r="B40" s="205"/>
      <c r="C40" s="214"/>
      <c r="D40" s="221"/>
      <c r="E40" s="117"/>
      <c r="F40" s="221"/>
      <c r="G40" s="183"/>
      <c r="H40" s="236" t="s">
        <v>283</v>
      </c>
      <c r="I40" s="230" t="s">
        <v>212</v>
      </c>
      <c r="J40" s="231" t="s">
        <v>184</v>
      </c>
      <c r="K40" s="231"/>
      <c r="L40" s="237" t="s">
        <v>212</v>
      </c>
      <c r="M40" s="231" t="s">
        <v>196</v>
      </c>
      <c r="N40" s="231"/>
      <c r="O40" s="231"/>
      <c r="P40" s="231"/>
      <c r="Q40" s="235"/>
      <c r="R40" s="231"/>
      <c r="S40" s="231"/>
      <c r="T40" s="231"/>
      <c r="U40" s="233"/>
      <c r="V40" s="233"/>
      <c r="W40" s="233"/>
      <c r="X40" s="234"/>
      <c r="Y40" s="148"/>
      <c r="Z40" s="149"/>
      <c r="AA40" s="149"/>
      <c r="AB40" s="150"/>
      <c r="AC40" s="148"/>
      <c r="AD40" s="149"/>
      <c r="AE40" s="149"/>
      <c r="AF40" s="150"/>
    </row>
  </sheetData>
  <mergeCells count="38">
    <mergeCell ref="A3:AF3"/>
    <mergeCell ref="S5:V5"/>
    <mergeCell ref="A7:C7"/>
    <mergeCell ref="D7:E7"/>
    <mergeCell ref="F7:G7"/>
    <mergeCell ref="H7:X7"/>
    <mergeCell ref="Y7:AB7"/>
    <mergeCell ref="AC7:AF7"/>
    <mergeCell ref="A8:C9"/>
    <mergeCell ref="H8:H9"/>
    <mergeCell ref="Y8:AB9"/>
    <mergeCell ref="AC8:AF9"/>
    <mergeCell ref="H11:H13"/>
    <mergeCell ref="I11:I13"/>
    <mergeCell ref="J11:K13"/>
    <mergeCell ref="L11:L13"/>
    <mergeCell ref="M11:N13"/>
    <mergeCell ref="H15:H16"/>
    <mergeCell ref="I15:I16"/>
    <mergeCell ref="J15:K16"/>
    <mergeCell ref="L15:L16"/>
    <mergeCell ref="M15:N16"/>
    <mergeCell ref="H17:H18"/>
    <mergeCell ref="I17:I18"/>
    <mergeCell ref="J17:K18"/>
    <mergeCell ref="L17:L18"/>
    <mergeCell ref="M17:N18"/>
    <mergeCell ref="H35:H37"/>
    <mergeCell ref="H19:H20"/>
    <mergeCell ref="I19:I20"/>
    <mergeCell ref="J19:K20"/>
    <mergeCell ref="L19:L20"/>
    <mergeCell ref="M19:N20"/>
    <mergeCell ref="H21:H22"/>
    <mergeCell ref="I21:I22"/>
    <mergeCell ref="J21:K22"/>
    <mergeCell ref="L21:L22"/>
    <mergeCell ref="M21:N22"/>
  </mergeCells>
  <phoneticPr fontId="3"/>
  <dataValidations count="1">
    <dataValidation type="list" allowBlank="1" showInputMessage="1" showErrorMessage="1" sqref="U8:U9 M8:M10 Q8:Q10 M14 L15:L35 O24 O26 P27 I14:I40 R35 R38:R39 L38:L40 O36 L11 O38:O39 Y10:Y11 AC10:AC11 D24:D25 A24 I8:I11" xr:uid="{00000000-0002-0000-0100-000000000000}">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44" fitToHeight="0" orientation="landscape" cellComments="asDisplayed" r:id="rId1"/>
  <headerFooter alignWithMargins="0"/>
  <rowBreaks count="1" manualBreakCount="1">
    <brk id="9" max="16"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sheetPr>
    <tabColor rgb="FFFFFF00"/>
    <pageSetUpPr fitToPage="1"/>
  </sheetPr>
  <dimension ref="A2:AG42"/>
  <sheetViews>
    <sheetView view="pageBreakPreview" zoomScale="70" zoomScaleNormal="70" zoomScaleSheetLayoutView="70" workbookViewId="0">
      <selection activeCell="A43" sqref="A43:XFD253"/>
    </sheetView>
  </sheetViews>
  <sheetFormatPr defaultRowHeight="20.25" customHeight="1" x14ac:dyDescent="0.15"/>
  <cols>
    <col min="1" max="2" width="4.25" style="225" customWidth="1"/>
    <col min="3" max="3" width="25" style="219" customWidth="1"/>
    <col min="4" max="4" width="4.875" style="219" customWidth="1"/>
    <col min="5" max="5" width="41.625" style="219" customWidth="1"/>
    <col min="6" max="6" width="4.875" style="219" customWidth="1"/>
    <col min="7" max="7" width="19.625" style="95" customWidth="1"/>
    <col min="8" max="8" width="33.875" style="219" customWidth="1"/>
    <col min="9" max="32" width="4.875" style="219" customWidth="1"/>
    <col min="33" max="33" width="12" style="219" bestFit="1" customWidth="1"/>
    <col min="34" max="267" width="9" style="219"/>
    <col min="268" max="268" width="4.25" style="219" customWidth="1"/>
    <col min="269" max="269" width="25" style="219" customWidth="1"/>
    <col min="270" max="270" width="41.625" style="219" customWidth="1"/>
    <col min="271" max="271" width="19.625" style="219" customWidth="1"/>
    <col min="272" max="272" width="33.875" style="219" customWidth="1"/>
    <col min="273" max="273" width="25" style="219" customWidth="1"/>
    <col min="274" max="274" width="13.625" style="219" customWidth="1"/>
    <col min="275" max="288" width="4.875" style="219" customWidth="1"/>
    <col min="289" max="289" width="12" style="219" bestFit="1" customWidth="1"/>
    <col min="290" max="523" width="9" style="219"/>
    <col min="524" max="524" width="4.25" style="219" customWidth="1"/>
    <col min="525" max="525" width="25" style="219" customWidth="1"/>
    <col min="526" max="526" width="41.625" style="219" customWidth="1"/>
    <col min="527" max="527" width="19.625" style="219" customWidth="1"/>
    <col min="528" max="528" width="33.875" style="219" customWidth="1"/>
    <col min="529" max="529" width="25" style="219" customWidth="1"/>
    <col min="530" max="530" width="13.625" style="219" customWidth="1"/>
    <col min="531" max="544" width="4.875" style="219" customWidth="1"/>
    <col min="545" max="545" width="12" style="219" bestFit="1" customWidth="1"/>
    <col min="546" max="779" width="9" style="219"/>
    <col min="780" max="780" width="4.25" style="219" customWidth="1"/>
    <col min="781" max="781" width="25" style="219" customWidth="1"/>
    <col min="782" max="782" width="41.625" style="219" customWidth="1"/>
    <col min="783" max="783" width="19.625" style="219" customWidth="1"/>
    <col min="784" max="784" width="33.875" style="219" customWidth="1"/>
    <col min="785" max="785" width="25" style="219" customWidth="1"/>
    <col min="786" max="786" width="13.625" style="219" customWidth="1"/>
    <col min="787" max="800" width="4.875" style="219" customWidth="1"/>
    <col min="801" max="801" width="12" style="219" bestFit="1" customWidth="1"/>
    <col min="802" max="1035" width="9" style="219"/>
    <col min="1036" max="1036" width="4.25" style="219" customWidth="1"/>
    <col min="1037" max="1037" width="25" style="219" customWidth="1"/>
    <col min="1038" max="1038" width="41.625" style="219" customWidth="1"/>
    <col min="1039" max="1039" width="19.625" style="219" customWidth="1"/>
    <col min="1040" max="1040" width="33.875" style="219" customWidth="1"/>
    <col min="1041" max="1041" width="25" style="219" customWidth="1"/>
    <col min="1042" max="1042" width="13.625" style="219" customWidth="1"/>
    <col min="1043" max="1056" width="4.875" style="219" customWidth="1"/>
    <col min="1057" max="1057" width="12" style="219" bestFit="1" customWidth="1"/>
    <col min="1058" max="1291" width="9" style="219"/>
    <col min="1292" max="1292" width="4.25" style="219" customWidth="1"/>
    <col min="1293" max="1293" width="25" style="219" customWidth="1"/>
    <col min="1294" max="1294" width="41.625" style="219" customWidth="1"/>
    <col min="1295" max="1295" width="19.625" style="219" customWidth="1"/>
    <col min="1296" max="1296" width="33.875" style="219" customWidth="1"/>
    <col min="1297" max="1297" width="25" style="219" customWidth="1"/>
    <col min="1298" max="1298" width="13.625" style="219" customWidth="1"/>
    <col min="1299" max="1312" width="4.875" style="219" customWidth="1"/>
    <col min="1313" max="1313" width="12" style="219" bestFit="1" customWidth="1"/>
    <col min="1314" max="1547" width="9" style="219"/>
    <col min="1548" max="1548" width="4.25" style="219" customWidth="1"/>
    <col min="1549" max="1549" width="25" style="219" customWidth="1"/>
    <col min="1550" max="1550" width="41.625" style="219" customWidth="1"/>
    <col min="1551" max="1551" width="19.625" style="219" customWidth="1"/>
    <col min="1552" max="1552" width="33.875" style="219" customWidth="1"/>
    <col min="1553" max="1553" width="25" style="219" customWidth="1"/>
    <col min="1554" max="1554" width="13.625" style="219" customWidth="1"/>
    <col min="1555" max="1568" width="4.875" style="219" customWidth="1"/>
    <col min="1569" max="1569" width="12" style="219" bestFit="1" customWidth="1"/>
    <col min="1570" max="1803" width="9" style="219"/>
    <col min="1804" max="1804" width="4.25" style="219" customWidth="1"/>
    <col min="1805" max="1805" width="25" style="219" customWidth="1"/>
    <col min="1806" max="1806" width="41.625" style="219" customWidth="1"/>
    <col min="1807" max="1807" width="19.625" style="219" customWidth="1"/>
    <col min="1808" max="1808" width="33.875" style="219" customWidth="1"/>
    <col min="1809" max="1809" width="25" style="219" customWidth="1"/>
    <col min="1810" max="1810" width="13.625" style="219" customWidth="1"/>
    <col min="1811" max="1824" width="4.875" style="219" customWidth="1"/>
    <col min="1825" max="1825" width="12" style="219" bestFit="1" customWidth="1"/>
    <col min="1826" max="2059" width="9" style="219"/>
    <col min="2060" max="2060" width="4.25" style="219" customWidth="1"/>
    <col min="2061" max="2061" width="25" style="219" customWidth="1"/>
    <col min="2062" max="2062" width="41.625" style="219" customWidth="1"/>
    <col min="2063" max="2063" width="19.625" style="219" customWidth="1"/>
    <col min="2064" max="2064" width="33.875" style="219" customWidth="1"/>
    <col min="2065" max="2065" width="25" style="219" customWidth="1"/>
    <col min="2066" max="2066" width="13.625" style="219" customWidth="1"/>
    <col min="2067" max="2080" width="4.875" style="219" customWidth="1"/>
    <col min="2081" max="2081" width="12" style="219" bestFit="1" customWidth="1"/>
    <col min="2082" max="2315" width="9" style="219"/>
    <col min="2316" max="2316" width="4.25" style="219" customWidth="1"/>
    <col min="2317" max="2317" width="25" style="219" customWidth="1"/>
    <col min="2318" max="2318" width="41.625" style="219" customWidth="1"/>
    <col min="2319" max="2319" width="19.625" style="219" customWidth="1"/>
    <col min="2320" max="2320" width="33.875" style="219" customWidth="1"/>
    <col min="2321" max="2321" width="25" style="219" customWidth="1"/>
    <col min="2322" max="2322" width="13.625" style="219" customWidth="1"/>
    <col min="2323" max="2336" width="4.875" style="219" customWidth="1"/>
    <col min="2337" max="2337" width="12" style="219" bestFit="1" customWidth="1"/>
    <col min="2338" max="2571" width="9" style="219"/>
    <col min="2572" max="2572" width="4.25" style="219" customWidth="1"/>
    <col min="2573" max="2573" width="25" style="219" customWidth="1"/>
    <col min="2574" max="2574" width="41.625" style="219" customWidth="1"/>
    <col min="2575" max="2575" width="19.625" style="219" customWidth="1"/>
    <col min="2576" max="2576" width="33.875" style="219" customWidth="1"/>
    <col min="2577" max="2577" width="25" style="219" customWidth="1"/>
    <col min="2578" max="2578" width="13.625" style="219" customWidth="1"/>
    <col min="2579" max="2592" width="4.875" style="219" customWidth="1"/>
    <col min="2593" max="2593" width="12" style="219" bestFit="1" customWidth="1"/>
    <col min="2594" max="2827" width="9" style="219"/>
    <col min="2828" max="2828" width="4.25" style="219" customWidth="1"/>
    <col min="2829" max="2829" width="25" style="219" customWidth="1"/>
    <col min="2830" max="2830" width="41.625" style="219" customWidth="1"/>
    <col min="2831" max="2831" width="19.625" style="219" customWidth="1"/>
    <col min="2832" max="2832" width="33.875" style="219" customWidth="1"/>
    <col min="2833" max="2833" width="25" style="219" customWidth="1"/>
    <col min="2834" max="2834" width="13.625" style="219" customWidth="1"/>
    <col min="2835" max="2848" width="4.875" style="219" customWidth="1"/>
    <col min="2849" max="2849" width="12" style="219" bestFit="1" customWidth="1"/>
    <col min="2850" max="3083" width="9" style="219"/>
    <col min="3084" max="3084" width="4.25" style="219" customWidth="1"/>
    <col min="3085" max="3085" width="25" style="219" customWidth="1"/>
    <col min="3086" max="3086" width="41.625" style="219" customWidth="1"/>
    <col min="3087" max="3087" width="19.625" style="219" customWidth="1"/>
    <col min="3088" max="3088" width="33.875" style="219" customWidth="1"/>
    <col min="3089" max="3089" width="25" style="219" customWidth="1"/>
    <col min="3090" max="3090" width="13.625" style="219" customWidth="1"/>
    <col min="3091" max="3104" width="4.875" style="219" customWidth="1"/>
    <col min="3105" max="3105" width="12" style="219" bestFit="1" customWidth="1"/>
    <col min="3106" max="3339" width="9" style="219"/>
    <col min="3340" max="3340" width="4.25" style="219" customWidth="1"/>
    <col min="3341" max="3341" width="25" style="219" customWidth="1"/>
    <col min="3342" max="3342" width="41.625" style="219" customWidth="1"/>
    <col min="3343" max="3343" width="19.625" style="219" customWidth="1"/>
    <col min="3344" max="3344" width="33.875" style="219" customWidth="1"/>
    <col min="3345" max="3345" width="25" style="219" customWidth="1"/>
    <col min="3346" max="3346" width="13.625" style="219" customWidth="1"/>
    <col min="3347" max="3360" width="4.875" style="219" customWidth="1"/>
    <col min="3361" max="3361" width="12" style="219" bestFit="1" customWidth="1"/>
    <col min="3362" max="3595" width="9" style="219"/>
    <col min="3596" max="3596" width="4.25" style="219" customWidth="1"/>
    <col min="3597" max="3597" width="25" style="219" customWidth="1"/>
    <col min="3598" max="3598" width="41.625" style="219" customWidth="1"/>
    <col min="3599" max="3599" width="19.625" style="219" customWidth="1"/>
    <col min="3600" max="3600" width="33.875" style="219" customWidth="1"/>
    <col min="3601" max="3601" width="25" style="219" customWidth="1"/>
    <col min="3602" max="3602" width="13.625" style="219" customWidth="1"/>
    <col min="3603" max="3616" width="4.875" style="219" customWidth="1"/>
    <col min="3617" max="3617" width="12" style="219" bestFit="1" customWidth="1"/>
    <col min="3618" max="3851" width="9" style="219"/>
    <col min="3852" max="3852" width="4.25" style="219" customWidth="1"/>
    <col min="3853" max="3853" width="25" style="219" customWidth="1"/>
    <col min="3854" max="3854" width="41.625" style="219" customWidth="1"/>
    <col min="3855" max="3855" width="19.625" style="219" customWidth="1"/>
    <col min="3856" max="3856" width="33.875" style="219" customWidth="1"/>
    <col min="3857" max="3857" width="25" style="219" customWidth="1"/>
    <col min="3858" max="3858" width="13.625" style="219" customWidth="1"/>
    <col min="3859" max="3872" width="4.875" style="219" customWidth="1"/>
    <col min="3873" max="3873" width="12" style="219" bestFit="1" customWidth="1"/>
    <col min="3874" max="4107" width="9" style="219"/>
    <col min="4108" max="4108" width="4.25" style="219" customWidth="1"/>
    <col min="4109" max="4109" width="25" style="219" customWidth="1"/>
    <col min="4110" max="4110" width="41.625" style="219" customWidth="1"/>
    <col min="4111" max="4111" width="19.625" style="219" customWidth="1"/>
    <col min="4112" max="4112" width="33.875" style="219" customWidth="1"/>
    <col min="4113" max="4113" width="25" style="219" customWidth="1"/>
    <col min="4114" max="4114" width="13.625" style="219" customWidth="1"/>
    <col min="4115" max="4128" width="4.875" style="219" customWidth="1"/>
    <col min="4129" max="4129" width="12" style="219" bestFit="1" customWidth="1"/>
    <col min="4130" max="4363" width="9" style="219"/>
    <col min="4364" max="4364" width="4.25" style="219" customWidth="1"/>
    <col min="4365" max="4365" width="25" style="219" customWidth="1"/>
    <col min="4366" max="4366" width="41.625" style="219" customWidth="1"/>
    <col min="4367" max="4367" width="19.625" style="219" customWidth="1"/>
    <col min="4368" max="4368" width="33.875" style="219" customWidth="1"/>
    <col min="4369" max="4369" width="25" style="219" customWidth="1"/>
    <col min="4370" max="4370" width="13.625" style="219" customWidth="1"/>
    <col min="4371" max="4384" width="4.875" style="219" customWidth="1"/>
    <col min="4385" max="4385" width="12" style="219" bestFit="1" customWidth="1"/>
    <col min="4386" max="4619" width="9" style="219"/>
    <col min="4620" max="4620" width="4.25" style="219" customWidth="1"/>
    <col min="4621" max="4621" width="25" style="219" customWidth="1"/>
    <col min="4622" max="4622" width="41.625" style="219" customWidth="1"/>
    <col min="4623" max="4623" width="19.625" style="219" customWidth="1"/>
    <col min="4624" max="4624" width="33.875" style="219" customWidth="1"/>
    <col min="4625" max="4625" width="25" style="219" customWidth="1"/>
    <col min="4626" max="4626" width="13.625" style="219" customWidth="1"/>
    <col min="4627" max="4640" width="4.875" style="219" customWidth="1"/>
    <col min="4641" max="4641" width="12" style="219" bestFit="1" customWidth="1"/>
    <col min="4642" max="4875" width="9" style="219"/>
    <col min="4876" max="4876" width="4.25" style="219" customWidth="1"/>
    <col min="4877" max="4877" width="25" style="219" customWidth="1"/>
    <col min="4878" max="4878" width="41.625" style="219" customWidth="1"/>
    <col min="4879" max="4879" width="19.625" style="219" customWidth="1"/>
    <col min="4880" max="4880" width="33.875" style="219" customWidth="1"/>
    <col min="4881" max="4881" width="25" style="219" customWidth="1"/>
    <col min="4882" max="4882" width="13.625" style="219" customWidth="1"/>
    <col min="4883" max="4896" width="4.875" style="219" customWidth="1"/>
    <col min="4897" max="4897" width="12" style="219" bestFit="1" customWidth="1"/>
    <col min="4898" max="5131" width="9" style="219"/>
    <col min="5132" max="5132" width="4.25" style="219" customWidth="1"/>
    <col min="5133" max="5133" width="25" style="219" customWidth="1"/>
    <col min="5134" max="5134" width="41.625" style="219" customWidth="1"/>
    <col min="5135" max="5135" width="19.625" style="219" customWidth="1"/>
    <col min="5136" max="5136" width="33.875" style="219" customWidth="1"/>
    <col min="5137" max="5137" width="25" style="219" customWidth="1"/>
    <col min="5138" max="5138" width="13.625" style="219" customWidth="1"/>
    <col min="5139" max="5152" width="4.875" style="219" customWidth="1"/>
    <col min="5153" max="5153" width="12" style="219" bestFit="1" customWidth="1"/>
    <col min="5154" max="5387" width="9" style="219"/>
    <col min="5388" max="5388" width="4.25" style="219" customWidth="1"/>
    <col min="5389" max="5389" width="25" style="219" customWidth="1"/>
    <col min="5390" max="5390" width="41.625" style="219" customWidth="1"/>
    <col min="5391" max="5391" width="19.625" style="219" customWidth="1"/>
    <col min="5392" max="5392" width="33.875" style="219" customWidth="1"/>
    <col min="5393" max="5393" width="25" style="219" customWidth="1"/>
    <col min="5394" max="5394" width="13.625" style="219" customWidth="1"/>
    <col min="5395" max="5408" width="4.875" style="219" customWidth="1"/>
    <col min="5409" max="5409" width="12" style="219" bestFit="1" customWidth="1"/>
    <col min="5410" max="5643" width="9" style="219"/>
    <col min="5644" max="5644" width="4.25" style="219" customWidth="1"/>
    <col min="5645" max="5645" width="25" style="219" customWidth="1"/>
    <col min="5646" max="5646" width="41.625" style="219" customWidth="1"/>
    <col min="5647" max="5647" width="19.625" style="219" customWidth="1"/>
    <col min="5648" max="5648" width="33.875" style="219" customWidth="1"/>
    <col min="5649" max="5649" width="25" style="219" customWidth="1"/>
    <col min="5650" max="5650" width="13.625" style="219" customWidth="1"/>
    <col min="5651" max="5664" width="4.875" style="219" customWidth="1"/>
    <col min="5665" max="5665" width="12" style="219" bestFit="1" customWidth="1"/>
    <col min="5666" max="5899" width="9" style="219"/>
    <col min="5900" max="5900" width="4.25" style="219" customWidth="1"/>
    <col min="5901" max="5901" width="25" style="219" customWidth="1"/>
    <col min="5902" max="5902" width="41.625" style="219" customWidth="1"/>
    <col min="5903" max="5903" width="19.625" style="219" customWidth="1"/>
    <col min="5904" max="5904" width="33.875" style="219" customWidth="1"/>
    <col min="5905" max="5905" width="25" style="219" customWidth="1"/>
    <col min="5906" max="5906" width="13.625" style="219" customWidth="1"/>
    <col min="5907" max="5920" width="4.875" style="219" customWidth="1"/>
    <col min="5921" max="5921" width="12" style="219" bestFit="1" customWidth="1"/>
    <col min="5922" max="6155" width="9" style="219"/>
    <col min="6156" max="6156" width="4.25" style="219" customWidth="1"/>
    <col min="6157" max="6157" width="25" style="219" customWidth="1"/>
    <col min="6158" max="6158" width="41.625" style="219" customWidth="1"/>
    <col min="6159" max="6159" width="19.625" style="219" customWidth="1"/>
    <col min="6160" max="6160" width="33.875" style="219" customWidth="1"/>
    <col min="6161" max="6161" width="25" style="219" customWidth="1"/>
    <col min="6162" max="6162" width="13.625" style="219" customWidth="1"/>
    <col min="6163" max="6176" width="4.875" style="219" customWidth="1"/>
    <col min="6177" max="6177" width="12" style="219" bestFit="1" customWidth="1"/>
    <col min="6178" max="6411" width="9" style="219"/>
    <col min="6412" max="6412" width="4.25" style="219" customWidth="1"/>
    <col min="6413" max="6413" width="25" style="219" customWidth="1"/>
    <col min="6414" max="6414" width="41.625" style="219" customWidth="1"/>
    <col min="6415" max="6415" width="19.625" style="219" customWidth="1"/>
    <col min="6416" max="6416" width="33.875" style="219" customWidth="1"/>
    <col min="6417" max="6417" width="25" style="219" customWidth="1"/>
    <col min="6418" max="6418" width="13.625" style="219" customWidth="1"/>
    <col min="6419" max="6432" width="4.875" style="219" customWidth="1"/>
    <col min="6433" max="6433" width="12" style="219" bestFit="1" customWidth="1"/>
    <col min="6434" max="6667" width="9" style="219"/>
    <col min="6668" max="6668" width="4.25" style="219" customWidth="1"/>
    <col min="6669" max="6669" width="25" style="219" customWidth="1"/>
    <col min="6670" max="6670" width="41.625" style="219" customWidth="1"/>
    <col min="6671" max="6671" width="19.625" style="219" customWidth="1"/>
    <col min="6672" max="6672" width="33.875" style="219" customWidth="1"/>
    <col min="6673" max="6673" width="25" style="219" customWidth="1"/>
    <col min="6674" max="6674" width="13.625" style="219" customWidth="1"/>
    <col min="6675" max="6688" width="4.875" style="219" customWidth="1"/>
    <col min="6689" max="6689" width="12" style="219" bestFit="1" customWidth="1"/>
    <col min="6690" max="6923" width="9" style="219"/>
    <col min="6924" max="6924" width="4.25" style="219" customWidth="1"/>
    <col min="6925" max="6925" width="25" style="219" customWidth="1"/>
    <col min="6926" max="6926" width="41.625" style="219" customWidth="1"/>
    <col min="6927" max="6927" width="19.625" style="219" customWidth="1"/>
    <col min="6928" max="6928" width="33.875" style="219" customWidth="1"/>
    <col min="6929" max="6929" width="25" style="219" customWidth="1"/>
    <col min="6930" max="6930" width="13.625" style="219" customWidth="1"/>
    <col min="6931" max="6944" width="4.875" style="219" customWidth="1"/>
    <col min="6945" max="6945" width="12" style="219" bestFit="1" customWidth="1"/>
    <col min="6946" max="7179" width="9" style="219"/>
    <col min="7180" max="7180" width="4.25" style="219" customWidth="1"/>
    <col min="7181" max="7181" width="25" style="219" customWidth="1"/>
    <col min="7182" max="7182" width="41.625" style="219" customWidth="1"/>
    <col min="7183" max="7183" width="19.625" style="219" customWidth="1"/>
    <col min="7184" max="7184" width="33.875" style="219" customWidth="1"/>
    <col min="7185" max="7185" width="25" style="219" customWidth="1"/>
    <col min="7186" max="7186" width="13.625" style="219" customWidth="1"/>
    <col min="7187" max="7200" width="4.875" style="219" customWidth="1"/>
    <col min="7201" max="7201" width="12" style="219" bestFit="1" customWidth="1"/>
    <col min="7202" max="7435" width="9" style="219"/>
    <col min="7436" max="7436" width="4.25" style="219" customWidth="1"/>
    <col min="7437" max="7437" width="25" style="219" customWidth="1"/>
    <col min="7438" max="7438" width="41.625" style="219" customWidth="1"/>
    <col min="7439" max="7439" width="19.625" style="219" customWidth="1"/>
    <col min="7440" max="7440" width="33.875" style="219" customWidth="1"/>
    <col min="7441" max="7441" width="25" style="219" customWidth="1"/>
    <col min="7442" max="7442" width="13.625" style="219" customWidth="1"/>
    <col min="7443" max="7456" width="4.875" style="219" customWidth="1"/>
    <col min="7457" max="7457" width="12" style="219" bestFit="1" customWidth="1"/>
    <col min="7458" max="7691" width="9" style="219"/>
    <col min="7692" max="7692" width="4.25" style="219" customWidth="1"/>
    <col min="7693" max="7693" width="25" style="219" customWidth="1"/>
    <col min="7694" max="7694" width="41.625" style="219" customWidth="1"/>
    <col min="7695" max="7695" width="19.625" style="219" customWidth="1"/>
    <col min="7696" max="7696" width="33.875" style="219" customWidth="1"/>
    <col min="7697" max="7697" width="25" style="219" customWidth="1"/>
    <col min="7698" max="7698" width="13.625" style="219" customWidth="1"/>
    <col min="7699" max="7712" width="4.875" style="219" customWidth="1"/>
    <col min="7713" max="7713" width="12" style="219" bestFit="1" customWidth="1"/>
    <col min="7714" max="7947" width="9" style="219"/>
    <col min="7948" max="7948" width="4.25" style="219" customWidth="1"/>
    <col min="7949" max="7949" width="25" style="219" customWidth="1"/>
    <col min="7950" max="7950" width="41.625" style="219" customWidth="1"/>
    <col min="7951" max="7951" width="19.625" style="219" customWidth="1"/>
    <col min="7952" max="7952" width="33.875" style="219" customWidth="1"/>
    <col min="7953" max="7953" width="25" style="219" customWidth="1"/>
    <col min="7954" max="7954" width="13.625" style="219" customWidth="1"/>
    <col min="7955" max="7968" width="4.875" style="219" customWidth="1"/>
    <col min="7969" max="7969" width="12" style="219" bestFit="1" customWidth="1"/>
    <col min="7970" max="8203" width="9" style="219"/>
    <col min="8204" max="8204" width="4.25" style="219" customWidth="1"/>
    <col min="8205" max="8205" width="25" style="219" customWidth="1"/>
    <col min="8206" max="8206" width="41.625" style="219" customWidth="1"/>
    <col min="8207" max="8207" width="19.625" style="219" customWidth="1"/>
    <col min="8208" max="8208" width="33.875" style="219" customWidth="1"/>
    <col min="8209" max="8209" width="25" style="219" customWidth="1"/>
    <col min="8210" max="8210" width="13.625" style="219" customWidth="1"/>
    <col min="8211" max="8224" width="4.875" style="219" customWidth="1"/>
    <col min="8225" max="8225" width="12" style="219" bestFit="1" customWidth="1"/>
    <col min="8226" max="8459" width="9" style="219"/>
    <col min="8460" max="8460" width="4.25" style="219" customWidth="1"/>
    <col min="8461" max="8461" width="25" style="219" customWidth="1"/>
    <col min="8462" max="8462" width="41.625" style="219" customWidth="1"/>
    <col min="8463" max="8463" width="19.625" style="219" customWidth="1"/>
    <col min="8464" max="8464" width="33.875" style="219" customWidth="1"/>
    <col min="8465" max="8465" width="25" style="219" customWidth="1"/>
    <col min="8466" max="8466" width="13.625" style="219" customWidth="1"/>
    <col min="8467" max="8480" width="4.875" style="219" customWidth="1"/>
    <col min="8481" max="8481" width="12" style="219" bestFit="1" customWidth="1"/>
    <col min="8482" max="8715" width="9" style="219"/>
    <col min="8716" max="8716" width="4.25" style="219" customWidth="1"/>
    <col min="8717" max="8717" width="25" style="219" customWidth="1"/>
    <col min="8718" max="8718" width="41.625" style="219" customWidth="1"/>
    <col min="8719" max="8719" width="19.625" style="219" customWidth="1"/>
    <col min="8720" max="8720" width="33.875" style="219" customWidth="1"/>
    <col min="8721" max="8721" width="25" style="219" customWidth="1"/>
    <col min="8722" max="8722" width="13.625" style="219" customWidth="1"/>
    <col min="8723" max="8736" width="4.875" style="219" customWidth="1"/>
    <col min="8737" max="8737" width="12" style="219" bestFit="1" customWidth="1"/>
    <col min="8738" max="8971" width="9" style="219"/>
    <col min="8972" max="8972" width="4.25" style="219" customWidth="1"/>
    <col min="8973" max="8973" width="25" style="219" customWidth="1"/>
    <col min="8974" max="8974" width="41.625" style="219" customWidth="1"/>
    <col min="8975" max="8975" width="19.625" style="219" customWidth="1"/>
    <col min="8976" max="8976" width="33.875" style="219" customWidth="1"/>
    <col min="8977" max="8977" width="25" style="219" customWidth="1"/>
    <col min="8978" max="8978" width="13.625" style="219" customWidth="1"/>
    <col min="8979" max="8992" width="4.875" style="219" customWidth="1"/>
    <col min="8993" max="8993" width="12" style="219" bestFit="1" customWidth="1"/>
    <col min="8994" max="9227" width="9" style="219"/>
    <col min="9228" max="9228" width="4.25" style="219" customWidth="1"/>
    <col min="9229" max="9229" width="25" style="219" customWidth="1"/>
    <col min="9230" max="9230" width="41.625" style="219" customWidth="1"/>
    <col min="9231" max="9231" width="19.625" style="219" customWidth="1"/>
    <col min="9232" max="9232" width="33.875" style="219" customWidth="1"/>
    <col min="9233" max="9233" width="25" style="219" customWidth="1"/>
    <col min="9234" max="9234" width="13.625" style="219" customWidth="1"/>
    <col min="9235" max="9248" width="4.875" style="219" customWidth="1"/>
    <col min="9249" max="9249" width="12" style="219" bestFit="1" customWidth="1"/>
    <col min="9250" max="9483" width="9" style="219"/>
    <col min="9484" max="9484" width="4.25" style="219" customWidth="1"/>
    <col min="9485" max="9485" width="25" style="219" customWidth="1"/>
    <col min="9486" max="9486" width="41.625" style="219" customWidth="1"/>
    <col min="9487" max="9487" width="19.625" style="219" customWidth="1"/>
    <col min="9488" max="9488" width="33.875" style="219" customWidth="1"/>
    <col min="9489" max="9489" width="25" style="219" customWidth="1"/>
    <col min="9490" max="9490" width="13.625" style="219" customWidth="1"/>
    <col min="9491" max="9504" width="4.875" style="219" customWidth="1"/>
    <col min="9505" max="9505" width="12" style="219" bestFit="1" customWidth="1"/>
    <col min="9506" max="9739" width="9" style="219"/>
    <col min="9740" max="9740" width="4.25" style="219" customWidth="1"/>
    <col min="9741" max="9741" width="25" style="219" customWidth="1"/>
    <col min="9742" max="9742" width="41.625" style="219" customWidth="1"/>
    <col min="9743" max="9743" width="19.625" style="219" customWidth="1"/>
    <col min="9744" max="9744" width="33.875" style="219" customWidth="1"/>
    <col min="9745" max="9745" width="25" style="219" customWidth="1"/>
    <col min="9746" max="9746" width="13.625" style="219" customWidth="1"/>
    <col min="9747" max="9760" width="4.875" style="219" customWidth="1"/>
    <col min="9761" max="9761" width="12" style="219" bestFit="1" customWidth="1"/>
    <col min="9762" max="9995" width="9" style="219"/>
    <col min="9996" max="9996" width="4.25" style="219" customWidth="1"/>
    <col min="9997" max="9997" width="25" style="219" customWidth="1"/>
    <col min="9998" max="9998" width="41.625" style="219" customWidth="1"/>
    <col min="9999" max="9999" width="19.625" style="219" customWidth="1"/>
    <col min="10000" max="10000" width="33.875" style="219" customWidth="1"/>
    <col min="10001" max="10001" width="25" style="219" customWidth="1"/>
    <col min="10002" max="10002" width="13.625" style="219" customWidth="1"/>
    <col min="10003" max="10016" width="4.875" style="219" customWidth="1"/>
    <col min="10017" max="10017" width="12" style="219" bestFit="1" customWidth="1"/>
    <col min="10018" max="10251" width="9" style="219"/>
    <col min="10252" max="10252" width="4.25" style="219" customWidth="1"/>
    <col min="10253" max="10253" width="25" style="219" customWidth="1"/>
    <col min="10254" max="10254" width="41.625" style="219" customWidth="1"/>
    <col min="10255" max="10255" width="19.625" style="219" customWidth="1"/>
    <col min="10256" max="10256" width="33.875" style="219" customWidth="1"/>
    <col min="10257" max="10257" width="25" style="219" customWidth="1"/>
    <col min="10258" max="10258" width="13.625" style="219" customWidth="1"/>
    <col min="10259" max="10272" width="4.875" style="219" customWidth="1"/>
    <col min="10273" max="10273" width="12" style="219" bestFit="1" customWidth="1"/>
    <col min="10274" max="10507" width="9" style="219"/>
    <col min="10508" max="10508" width="4.25" style="219" customWidth="1"/>
    <col min="10509" max="10509" width="25" style="219" customWidth="1"/>
    <col min="10510" max="10510" width="41.625" style="219" customWidth="1"/>
    <col min="10511" max="10511" width="19.625" style="219" customWidth="1"/>
    <col min="10512" max="10512" width="33.875" style="219" customWidth="1"/>
    <col min="10513" max="10513" width="25" style="219" customWidth="1"/>
    <col min="10514" max="10514" width="13.625" style="219" customWidth="1"/>
    <col min="10515" max="10528" width="4.875" style="219" customWidth="1"/>
    <col min="10529" max="10529" width="12" style="219" bestFit="1" customWidth="1"/>
    <col min="10530" max="10763" width="9" style="219"/>
    <col min="10764" max="10764" width="4.25" style="219" customWidth="1"/>
    <col min="10765" max="10765" width="25" style="219" customWidth="1"/>
    <col min="10766" max="10766" width="41.625" style="219" customWidth="1"/>
    <col min="10767" max="10767" width="19.625" style="219" customWidth="1"/>
    <col min="10768" max="10768" width="33.875" style="219" customWidth="1"/>
    <col min="10769" max="10769" width="25" style="219" customWidth="1"/>
    <col min="10770" max="10770" width="13.625" style="219" customWidth="1"/>
    <col min="10771" max="10784" width="4.875" style="219" customWidth="1"/>
    <col min="10785" max="10785" width="12" style="219" bestFit="1" customWidth="1"/>
    <col min="10786" max="11019" width="9" style="219"/>
    <col min="11020" max="11020" width="4.25" style="219" customWidth="1"/>
    <col min="11021" max="11021" width="25" style="219" customWidth="1"/>
    <col min="11022" max="11022" width="41.625" style="219" customWidth="1"/>
    <col min="11023" max="11023" width="19.625" style="219" customWidth="1"/>
    <col min="11024" max="11024" width="33.875" style="219" customWidth="1"/>
    <col min="11025" max="11025" width="25" style="219" customWidth="1"/>
    <col min="11026" max="11026" width="13.625" style="219" customWidth="1"/>
    <col min="11027" max="11040" width="4.875" style="219" customWidth="1"/>
    <col min="11041" max="11041" width="12" style="219" bestFit="1" customWidth="1"/>
    <col min="11042" max="11275" width="9" style="219"/>
    <col min="11276" max="11276" width="4.25" style="219" customWidth="1"/>
    <col min="11277" max="11277" width="25" style="219" customWidth="1"/>
    <col min="11278" max="11278" width="41.625" style="219" customWidth="1"/>
    <col min="11279" max="11279" width="19.625" style="219" customWidth="1"/>
    <col min="11280" max="11280" width="33.875" style="219" customWidth="1"/>
    <col min="11281" max="11281" width="25" style="219" customWidth="1"/>
    <col min="11282" max="11282" width="13.625" style="219" customWidth="1"/>
    <col min="11283" max="11296" width="4.875" style="219" customWidth="1"/>
    <col min="11297" max="11297" width="12" style="219" bestFit="1" customWidth="1"/>
    <col min="11298" max="11531" width="9" style="219"/>
    <col min="11532" max="11532" width="4.25" style="219" customWidth="1"/>
    <col min="11533" max="11533" width="25" style="219" customWidth="1"/>
    <col min="11534" max="11534" width="41.625" style="219" customWidth="1"/>
    <col min="11535" max="11535" width="19.625" style="219" customWidth="1"/>
    <col min="11536" max="11536" width="33.875" style="219" customWidth="1"/>
    <col min="11537" max="11537" width="25" style="219" customWidth="1"/>
    <col min="11538" max="11538" width="13.625" style="219" customWidth="1"/>
    <col min="11539" max="11552" width="4.875" style="219" customWidth="1"/>
    <col min="11553" max="11553" width="12" style="219" bestFit="1" customWidth="1"/>
    <col min="11554" max="11787" width="9" style="219"/>
    <col min="11788" max="11788" width="4.25" style="219" customWidth="1"/>
    <col min="11789" max="11789" width="25" style="219" customWidth="1"/>
    <col min="11790" max="11790" width="41.625" style="219" customWidth="1"/>
    <col min="11791" max="11791" width="19.625" style="219" customWidth="1"/>
    <col min="11792" max="11792" width="33.875" style="219" customWidth="1"/>
    <col min="11793" max="11793" width="25" style="219" customWidth="1"/>
    <col min="11794" max="11794" width="13.625" style="219" customWidth="1"/>
    <col min="11795" max="11808" width="4.875" style="219" customWidth="1"/>
    <col min="11809" max="11809" width="12" style="219" bestFit="1" customWidth="1"/>
    <col min="11810" max="12043" width="9" style="219"/>
    <col min="12044" max="12044" width="4.25" style="219" customWidth="1"/>
    <col min="12045" max="12045" width="25" style="219" customWidth="1"/>
    <col min="12046" max="12046" width="41.625" style="219" customWidth="1"/>
    <col min="12047" max="12047" width="19.625" style="219" customWidth="1"/>
    <col min="12048" max="12048" width="33.875" style="219" customWidth="1"/>
    <col min="12049" max="12049" width="25" style="219" customWidth="1"/>
    <col min="12050" max="12050" width="13.625" style="219" customWidth="1"/>
    <col min="12051" max="12064" width="4.875" style="219" customWidth="1"/>
    <col min="12065" max="12065" width="12" style="219" bestFit="1" customWidth="1"/>
    <col min="12066" max="12299" width="9" style="219"/>
    <col min="12300" max="12300" width="4.25" style="219" customWidth="1"/>
    <col min="12301" max="12301" width="25" style="219" customWidth="1"/>
    <col min="12302" max="12302" width="41.625" style="219" customWidth="1"/>
    <col min="12303" max="12303" width="19.625" style="219" customWidth="1"/>
    <col min="12304" max="12304" width="33.875" style="219" customWidth="1"/>
    <col min="12305" max="12305" width="25" style="219" customWidth="1"/>
    <col min="12306" max="12306" width="13.625" style="219" customWidth="1"/>
    <col min="12307" max="12320" width="4.875" style="219" customWidth="1"/>
    <col min="12321" max="12321" width="12" style="219" bestFit="1" customWidth="1"/>
    <col min="12322" max="12555" width="9" style="219"/>
    <col min="12556" max="12556" width="4.25" style="219" customWidth="1"/>
    <col min="12557" max="12557" width="25" style="219" customWidth="1"/>
    <col min="12558" max="12558" width="41.625" style="219" customWidth="1"/>
    <col min="12559" max="12559" width="19.625" style="219" customWidth="1"/>
    <col min="12560" max="12560" width="33.875" style="219" customWidth="1"/>
    <col min="12561" max="12561" width="25" style="219" customWidth="1"/>
    <col min="12562" max="12562" width="13.625" style="219" customWidth="1"/>
    <col min="12563" max="12576" width="4.875" style="219" customWidth="1"/>
    <col min="12577" max="12577" width="12" style="219" bestFit="1" customWidth="1"/>
    <col min="12578" max="12811" width="9" style="219"/>
    <col min="12812" max="12812" width="4.25" style="219" customWidth="1"/>
    <col min="12813" max="12813" width="25" style="219" customWidth="1"/>
    <col min="12814" max="12814" width="41.625" style="219" customWidth="1"/>
    <col min="12815" max="12815" width="19.625" style="219" customWidth="1"/>
    <col min="12816" max="12816" width="33.875" style="219" customWidth="1"/>
    <col min="12817" max="12817" width="25" style="219" customWidth="1"/>
    <col min="12818" max="12818" width="13.625" style="219" customWidth="1"/>
    <col min="12819" max="12832" width="4.875" style="219" customWidth="1"/>
    <col min="12833" max="12833" width="12" style="219" bestFit="1" customWidth="1"/>
    <col min="12834" max="13067" width="9" style="219"/>
    <col min="13068" max="13068" width="4.25" style="219" customWidth="1"/>
    <col min="13069" max="13069" width="25" style="219" customWidth="1"/>
    <col min="13070" max="13070" width="41.625" style="219" customWidth="1"/>
    <col min="13071" max="13071" width="19.625" style="219" customWidth="1"/>
    <col min="13072" max="13072" width="33.875" style="219" customWidth="1"/>
    <col min="13073" max="13073" width="25" style="219" customWidth="1"/>
    <col min="13074" max="13074" width="13.625" style="219" customWidth="1"/>
    <col min="13075" max="13088" width="4.875" style="219" customWidth="1"/>
    <col min="13089" max="13089" width="12" style="219" bestFit="1" customWidth="1"/>
    <col min="13090" max="13323" width="9" style="219"/>
    <col min="13324" max="13324" width="4.25" style="219" customWidth="1"/>
    <col min="13325" max="13325" width="25" style="219" customWidth="1"/>
    <col min="13326" max="13326" width="41.625" style="219" customWidth="1"/>
    <col min="13327" max="13327" width="19.625" style="219" customWidth="1"/>
    <col min="13328" max="13328" width="33.875" style="219" customWidth="1"/>
    <col min="13329" max="13329" width="25" style="219" customWidth="1"/>
    <col min="13330" max="13330" width="13.625" style="219" customWidth="1"/>
    <col min="13331" max="13344" width="4.875" style="219" customWidth="1"/>
    <col min="13345" max="13345" width="12" style="219" bestFit="1" customWidth="1"/>
    <col min="13346" max="13579" width="9" style="219"/>
    <col min="13580" max="13580" width="4.25" style="219" customWidth="1"/>
    <col min="13581" max="13581" width="25" style="219" customWidth="1"/>
    <col min="13582" max="13582" width="41.625" style="219" customWidth="1"/>
    <col min="13583" max="13583" width="19.625" style="219" customWidth="1"/>
    <col min="13584" max="13584" width="33.875" style="219" customWidth="1"/>
    <col min="13585" max="13585" width="25" style="219" customWidth="1"/>
    <col min="13586" max="13586" width="13.625" style="219" customWidth="1"/>
    <col min="13587" max="13600" width="4.875" style="219" customWidth="1"/>
    <col min="13601" max="13601" width="12" style="219" bestFit="1" customWidth="1"/>
    <col min="13602" max="13835" width="9" style="219"/>
    <col min="13836" max="13836" width="4.25" style="219" customWidth="1"/>
    <col min="13837" max="13837" width="25" style="219" customWidth="1"/>
    <col min="13838" max="13838" width="41.625" style="219" customWidth="1"/>
    <col min="13839" max="13839" width="19.625" style="219" customWidth="1"/>
    <col min="13840" max="13840" width="33.875" style="219" customWidth="1"/>
    <col min="13841" max="13841" width="25" style="219" customWidth="1"/>
    <col min="13842" max="13842" width="13.625" style="219" customWidth="1"/>
    <col min="13843" max="13856" width="4.875" style="219" customWidth="1"/>
    <col min="13857" max="13857" width="12" style="219" bestFit="1" customWidth="1"/>
    <col min="13858" max="14091" width="9" style="219"/>
    <col min="14092" max="14092" width="4.25" style="219" customWidth="1"/>
    <col min="14093" max="14093" width="25" style="219" customWidth="1"/>
    <col min="14094" max="14094" width="41.625" style="219" customWidth="1"/>
    <col min="14095" max="14095" width="19.625" style="219" customWidth="1"/>
    <col min="14096" max="14096" width="33.875" style="219" customWidth="1"/>
    <col min="14097" max="14097" width="25" style="219" customWidth="1"/>
    <col min="14098" max="14098" width="13.625" style="219" customWidth="1"/>
    <col min="14099" max="14112" width="4.875" style="219" customWidth="1"/>
    <col min="14113" max="14113" width="12" style="219" bestFit="1" customWidth="1"/>
    <col min="14114" max="14347" width="9" style="219"/>
    <col min="14348" max="14348" width="4.25" style="219" customWidth="1"/>
    <col min="14349" max="14349" width="25" style="219" customWidth="1"/>
    <col min="14350" max="14350" width="41.625" style="219" customWidth="1"/>
    <col min="14351" max="14351" width="19.625" style="219" customWidth="1"/>
    <col min="14352" max="14352" width="33.875" style="219" customWidth="1"/>
    <col min="14353" max="14353" width="25" style="219" customWidth="1"/>
    <col min="14354" max="14354" width="13.625" style="219" customWidth="1"/>
    <col min="14355" max="14368" width="4.875" style="219" customWidth="1"/>
    <col min="14369" max="14369" width="12" style="219" bestFit="1" customWidth="1"/>
    <col min="14370" max="14603" width="9" style="219"/>
    <col min="14604" max="14604" width="4.25" style="219" customWidth="1"/>
    <col min="14605" max="14605" width="25" style="219" customWidth="1"/>
    <col min="14606" max="14606" width="41.625" style="219" customWidth="1"/>
    <col min="14607" max="14607" width="19.625" style="219" customWidth="1"/>
    <col min="14608" max="14608" width="33.875" style="219" customWidth="1"/>
    <col min="14609" max="14609" width="25" style="219" customWidth="1"/>
    <col min="14610" max="14610" width="13.625" style="219" customWidth="1"/>
    <col min="14611" max="14624" width="4.875" style="219" customWidth="1"/>
    <col min="14625" max="14625" width="12" style="219" bestFit="1" customWidth="1"/>
    <col min="14626" max="14859" width="9" style="219"/>
    <col min="14860" max="14860" width="4.25" style="219" customWidth="1"/>
    <col min="14861" max="14861" width="25" style="219" customWidth="1"/>
    <col min="14862" max="14862" width="41.625" style="219" customWidth="1"/>
    <col min="14863" max="14863" width="19.625" style="219" customWidth="1"/>
    <col min="14864" max="14864" width="33.875" style="219" customWidth="1"/>
    <col min="14865" max="14865" width="25" style="219" customWidth="1"/>
    <col min="14866" max="14866" width="13.625" style="219" customWidth="1"/>
    <col min="14867" max="14880" width="4.875" style="219" customWidth="1"/>
    <col min="14881" max="14881" width="12" style="219" bestFit="1" customWidth="1"/>
    <col min="14882" max="15115" width="9" style="219"/>
    <col min="15116" max="15116" width="4.25" style="219" customWidth="1"/>
    <col min="15117" max="15117" width="25" style="219" customWidth="1"/>
    <col min="15118" max="15118" width="41.625" style="219" customWidth="1"/>
    <col min="15119" max="15119" width="19.625" style="219" customWidth="1"/>
    <col min="15120" max="15120" width="33.875" style="219" customWidth="1"/>
    <col min="15121" max="15121" width="25" style="219" customWidth="1"/>
    <col min="15122" max="15122" width="13.625" style="219" customWidth="1"/>
    <col min="15123" max="15136" width="4.875" style="219" customWidth="1"/>
    <col min="15137" max="15137" width="12" style="219" bestFit="1" customWidth="1"/>
    <col min="15138" max="15371" width="9" style="219"/>
    <col min="15372" max="15372" width="4.25" style="219" customWidth="1"/>
    <col min="15373" max="15373" width="25" style="219" customWidth="1"/>
    <col min="15374" max="15374" width="41.625" style="219" customWidth="1"/>
    <col min="15375" max="15375" width="19.625" style="219" customWidth="1"/>
    <col min="15376" max="15376" width="33.875" style="219" customWidth="1"/>
    <col min="15377" max="15377" width="25" style="219" customWidth="1"/>
    <col min="15378" max="15378" width="13.625" style="219" customWidth="1"/>
    <col min="15379" max="15392" width="4.875" style="219" customWidth="1"/>
    <col min="15393" max="15393" width="12" style="219" bestFit="1" customWidth="1"/>
    <col min="15394" max="15627" width="9" style="219"/>
    <col min="15628" max="15628" width="4.25" style="219" customWidth="1"/>
    <col min="15629" max="15629" width="25" style="219" customWidth="1"/>
    <col min="15630" max="15630" width="41.625" style="219" customWidth="1"/>
    <col min="15631" max="15631" width="19.625" style="219" customWidth="1"/>
    <col min="15632" max="15632" width="33.875" style="219" customWidth="1"/>
    <col min="15633" max="15633" width="25" style="219" customWidth="1"/>
    <col min="15634" max="15634" width="13.625" style="219" customWidth="1"/>
    <col min="15635" max="15648" width="4.875" style="219" customWidth="1"/>
    <col min="15649" max="15649" width="12" style="219" bestFit="1" customWidth="1"/>
    <col min="15650" max="15883" width="9" style="219"/>
    <col min="15884" max="15884" width="4.25" style="219" customWidth="1"/>
    <col min="15885" max="15885" width="25" style="219" customWidth="1"/>
    <col min="15886" max="15886" width="41.625" style="219" customWidth="1"/>
    <col min="15887" max="15887" width="19.625" style="219" customWidth="1"/>
    <col min="15888" max="15888" width="33.875" style="219" customWidth="1"/>
    <col min="15889" max="15889" width="25" style="219" customWidth="1"/>
    <col min="15890" max="15890" width="13.625" style="219" customWidth="1"/>
    <col min="15891" max="15904" width="4.875" style="219" customWidth="1"/>
    <col min="15905" max="15905" width="12" style="219" bestFit="1" customWidth="1"/>
    <col min="15906" max="16139" width="9" style="219"/>
    <col min="16140" max="16140" width="4.25" style="219" customWidth="1"/>
    <col min="16141" max="16141" width="25" style="219" customWidth="1"/>
    <col min="16142" max="16142" width="41.625" style="219" customWidth="1"/>
    <col min="16143" max="16143" width="19.625" style="219" customWidth="1"/>
    <col min="16144" max="16144" width="33.875" style="219" customWidth="1"/>
    <col min="16145" max="16145" width="25" style="219" customWidth="1"/>
    <col min="16146" max="16146" width="13.625" style="219" customWidth="1"/>
    <col min="16147" max="16160" width="4.875" style="219" customWidth="1"/>
    <col min="16161" max="16161" width="12" style="219" bestFit="1" customWidth="1"/>
    <col min="16162" max="16384" width="9" style="219"/>
  </cols>
  <sheetData>
    <row r="2" spans="1:33" ht="20.25" customHeight="1" x14ac:dyDescent="0.15">
      <c r="A2" s="86" t="s">
        <v>163</v>
      </c>
      <c r="B2" s="86"/>
      <c r="C2" s="198"/>
      <c r="D2" s="198"/>
      <c r="E2" s="198"/>
      <c r="F2" s="198"/>
      <c r="G2" s="96"/>
      <c r="H2" s="198"/>
      <c r="I2" s="198"/>
      <c r="J2" s="198"/>
      <c r="K2" s="198"/>
      <c r="L2" s="198"/>
      <c r="M2" s="198"/>
      <c r="N2" s="198"/>
      <c r="O2" s="198"/>
      <c r="P2" s="198"/>
      <c r="Q2" s="198"/>
      <c r="R2" s="198"/>
      <c r="S2" s="198"/>
      <c r="T2" s="198"/>
      <c r="U2" s="198"/>
      <c r="V2" s="198"/>
      <c r="W2" s="198"/>
      <c r="X2" s="198"/>
      <c r="Y2" s="198"/>
      <c r="Z2" s="198"/>
      <c r="AA2" s="198"/>
      <c r="AB2" s="198"/>
      <c r="AC2" s="198"/>
      <c r="AD2" s="198"/>
      <c r="AE2" s="198"/>
      <c r="AF2" s="198"/>
    </row>
    <row r="3" spans="1:33" ht="20.25" customHeight="1" x14ac:dyDescent="0.15">
      <c r="A3" s="278" t="s">
        <v>2</v>
      </c>
      <c r="B3" s="278"/>
      <c r="C3" s="278"/>
      <c r="D3" s="278"/>
      <c r="E3" s="278"/>
      <c r="F3" s="278"/>
      <c r="G3" s="278"/>
      <c r="H3" s="278"/>
      <c r="I3" s="278"/>
      <c r="J3" s="278"/>
      <c r="K3" s="278"/>
      <c r="L3" s="278"/>
      <c r="M3" s="278"/>
      <c r="N3" s="278"/>
      <c r="O3" s="278"/>
      <c r="P3" s="278"/>
      <c r="Q3" s="278"/>
      <c r="R3" s="278"/>
      <c r="S3" s="278"/>
      <c r="T3" s="278"/>
      <c r="U3" s="278"/>
      <c r="V3" s="278"/>
      <c r="W3" s="278"/>
      <c r="X3" s="278"/>
      <c r="Y3" s="278"/>
      <c r="Z3" s="278"/>
      <c r="AA3" s="278"/>
      <c r="AB3" s="278"/>
      <c r="AC3" s="278"/>
      <c r="AD3" s="278"/>
      <c r="AE3" s="278"/>
      <c r="AF3" s="278"/>
    </row>
    <row r="4" spans="1:33" ht="20.25" customHeight="1" x14ac:dyDescent="0.15">
      <c r="A4" s="111"/>
      <c r="B4" s="111"/>
      <c r="C4" s="198"/>
      <c r="D4" s="198"/>
      <c r="E4" s="198"/>
      <c r="F4" s="198"/>
      <c r="G4" s="96"/>
      <c r="H4" s="198"/>
      <c r="I4" s="198"/>
      <c r="J4" s="198"/>
      <c r="K4" s="198"/>
      <c r="L4" s="198"/>
      <c r="M4" s="198"/>
      <c r="N4" s="198"/>
      <c r="O4" s="198"/>
      <c r="P4" s="198"/>
      <c r="Q4" s="198"/>
      <c r="R4" s="198"/>
      <c r="S4" s="198"/>
      <c r="T4" s="198"/>
      <c r="U4" s="198"/>
      <c r="V4" s="198"/>
      <c r="W4" s="198"/>
      <c r="X4" s="198"/>
      <c r="Y4" s="198"/>
      <c r="Z4" s="198"/>
      <c r="AA4" s="198"/>
      <c r="AB4" s="198"/>
      <c r="AC4" s="198"/>
      <c r="AD4" s="198"/>
      <c r="AE4" s="198"/>
      <c r="AF4" s="198"/>
    </row>
    <row r="5" spans="1:33" ht="30" customHeight="1" x14ac:dyDescent="0.15">
      <c r="A5" s="111"/>
      <c r="B5" s="111"/>
      <c r="C5" s="198"/>
      <c r="D5" s="198"/>
      <c r="E5" s="198"/>
      <c r="F5" s="198"/>
      <c r="G5" s="96"/>
      <c r="H5" s="198"/>
      <c r="I5" s="198"/>
      <c r="J5" s="111"/>
      <c r="K5" s="111"/>
      <c r="L5" s="111"/>
      <c r="M5" s="111"/>
      <c r="N5" s="111"/>
      <c r="O5" s="111"/>
      <c r="P5" s="111"/>
      <c r="Q5" s="111"/>
      <c r="R5" s="111"/>
      <c r="S5" s="279" t="s">
        <v>161</v>
      </c>
      <c r="T5" s="280"/>
      <c r="U5" s="280"/>
      <c r="V5" s="281"/>
      <c r="W5" s="186"/>
      <c r="X5" s="187"/>
      <c r="Y5" s="187"/>
      <c r="Z5" s="187"/>
      <c r="AA5" s="187"/>
      <c r="AB5" s="187"/>
      <c r="AC5" s="187"/>
      <c r="AD5" s="187"/>
      <c r="AE5" s="187"/>
      <c r="AF5" s="201"/>
    </row>
    <row r="6" spans="1:33" ht="20.25" customHeight="1" x14ac:dyDescent="0.15">
      <c r="A6" s="111"/>
      <c r="B6" s="111"/>
      <c r="C6" s="198"/>
      <c r="D6" s="198"/>
      <c r="E6" s="198"/>
      <c r="F6" s="198"/>
      <c r="G6" s="96"/>
      <c r="H6" s="198"/>
      <c r="I6" s="198"/>
      <c r="J6" s="198"/>
      <c r="K6" s="198"/>
      <c r="L6" s="198"/>
      <c r="M6" s="198"/>
      <c r="N6" s="198"/>
      <c r="O6" s="198"/>
      <c r="P6" s="198"/>
      <c r="Q6" s="198"/>
      <c r="R6" s="198"/>
      <c r="S6" s="198"/>
      <c r="T6" s="198"/>
      <c r="U6" s="198"/>
      <c r="V6" s="198"/>
      <c r="W6" s="198"/>
      <c r="X6" s="198"/>
      <c r="Y6" s="198"/>
      <c r="Z6" s="198"/>
      <c r="AA6" s="198"/>
      <c r="AB6" s="198"/>
      <c r="AC6" s="198"/>
      <c r="AD6" s="198"/>
      <c r="AE6" s="198"/>
      <c r="AF6" s="198"/>
    </row>
    <row r="7" spans="1:33" ht="18" customHeight="1" x14ac:dyDescent="0.15">
      <c r="A7" s="279" t="s">
        <v>88</v>
      </c>
      <c r="B7" s="280"/>
      <c r="C7" s="281"/>
      <c r="D7" s="279" t="s">
        <v>3</v>
      </c>
      <c r="E7" s="281"/>
      <c r="F7" s="282" t="s">
        <v>89</v>
      </c>
      <c r="G7" s="283"/>
      <c r="H7" s="279" t="s">
        <v>90</v>
      </c>
      <c r="I7" s="280"/>
      <c r="J7" s="280"/>
      <c r="K7" s="280"/>
      <c r="L7" s="280"/>
      <c r="M7" s="280"/>
      <c r="N7" s="280"/>
      <c r="O7" s="280"/>
      <c r="P7" s="280"/>
      <c r="Q7" s="280"/>
      <c r="R7" s="280"/>
      <c r="S7" s="280"/>
      <c r="T7" s="280"/>
      <c r="U7" s="280"/>
      <c r="V7" s="280"/>
      <c r="W7" s="280"/>
      <c r="X7" s="281"/>
      <c r="Y7" s="279" t="s">
        <v>167</v>
      </c>
      <c r="Z7" s="280"/>
      <c r="AA7" s="280"/>
      <c r="AB7" s="281"/>
      <c r="AC7" s="279" t="s">
        <v>91</v>
      </c>
      <c r="AD7" s="280"/>
      <c r="AE7" s="280"/>
      <c r="AF7" s="281"/>
    </row>
    <row r="8" spans="1:33" ht="18.75" customHeight="1" x14ac:dyDescent="0.15">
      <c r="A8" s="264" t="s">
        <v>92</v>
      </c>
      <c r="B8" s="265"/>
      <c r="C8" s="266"/>
      <c r="D8" s="202"/>
      <c r="E8" s="120"/>
      <c r="F8" s="118"/>
      <c r="G8" s="185"/>
      <c r="H8" s="270" t="s">
        <v>93</v>
      </c>
      <c r="I8" s="217" t="s">
        <v>212</v>
      </c>
      <c r="J8" s="103" t="s">
        <v>175</v>
      </c>
      <c r="K8" s="124"/>
      <c r="L8" s="124"/>
      <c r="M8" s="217" t="s">
        <v>212</v>
      </c>
      <c r="N8" s="103" t="s">
        <v>176</v>
      </c>
      <c r="O8" s="124"/>
      <c r="P8" s="124"/>
      <c r="Q8" s="217" t="s">
        <v>212</v>
      </c>
      <c r="R8" s="103" t="s">
        <v>177</v>
      </c>
      <c r="S8" s="124"/>
      <c r="T8" s="124"/>
      <c r="U8" s="217" t="s">
        <v>212</v>
      </c>
      <c r="V8" s="103" t="s">
        <v>178</v>
      </c>
      <c r="W8" s="124"/>
      <c r="X8" s="128"/>
      <c r="Y8" s="272"/>
      <c r="Z8" s="273"/>
      <c r="AA8" s="273"/>
      <c r="AB8" s="274"/>
      <c r="AC8" s="272"/>
      <c r="AD8" s="273"/>
      <c r="AE8" s="273"/>
      <c r="AF8" s="274"/>
    </row>
    <row r="9" spans="1:33" ht="18.75" customHeight="1" x14ac:dyDescent="0.15">
      <c r="A9" s="267"/>
      <c r="B9" s="268"/>
      <c r="C9" s="269"/>
      <c r="D9" s="204"/>
      <c r="E9" s="122"/>
      <c r="F9" s="121"/>
      <c r="G9" s="153"/>
      <c r="H9" s="271"/>
      <c r="I9" s="170" t="s">
        <v>212</v>
      </c>
      <c r="J9" s="91" t="s">
        <v>179</v>
      </c>
      <c r="K9" s="116"/>
      <c r="L9" s="116"/>
      <c r="M9" s="182" t="s">
        <v>212</v>
      </c>
      <c r="N9" s="91" t="s">
        <v>180</v>
      </c>
      <c r="O9" s="116"/>
      <c r="P9" s="116"/>
      <c r="Q9" s="182" t="s">
        <v>212</v>
      </c>
      <c r="R9" s="91" t="s">
        <v>181</v>
      </c>
      <c r="S9" s="116"/>
      <c r="T9" s="116"/>
      <c r="U9" s="182" t="s">
        <v>212</v>
      </c>
      <c r="V9" s="91" t="s">
        <v>182</v>
      </c>
      <c r="W9" s="116"/>
      <c r="X9" s="117"/>
      <c r="Y9" s="275"/>
      <c r="Z9" s="276"/>
      <c r="AA9" s="276"/>
      <c r="AB9" s="277"/>
      <c r="AC9" s="275"/>
      <c r="AD9" s="276"/>
      <c r="AE9" s="276"/>
      <c r="AF9" s="277"/>
    </row>
    <row r="10" spans="1:33" ht="18.75" customHeight="1" x14ac:dyDescent="0.15">
      <c r="A10" s="102"/>
      <c r="B10" s="203"/>
      <c r="C10" s="212"/>
      <c r="D10" s="223"/>
      <c r="E10" s="128"/>
      <c r="F10" s="223"/>
      <c r="G10" s="134"/>
      <c r="H10" s="113" t="s">
        <v>96</v>
      </c>
      <c r="I10" s="175" t="s">
        <v>212</v>
      </c>
      <c r="J10" s="133" t="s">
        <v>184</v>
      </c>
      <c r="K10" s="133"/>
      <c r="L10" s="222"/>
      <c r="M10" s="177" t="s">
        <v>212</v>
      </c>
      <c r="N10" s="133" t="s">
        <v>200</v>
      </c>
      <c r="O10" s="133"/>
      <c r="P10" s="222"/>
      <c r="Q10" s="177" t="s">
        <v>212</v>
      </c>
      <c r="R10" s="227" t="s">
        <v>201</v>
      </c>
      <c r="S10" s="227"/>
      <c r="T10" s="227"/>
      <c r="U10" s="227"/>
      <c r="V10" s="227"/>
      <c r="W10" s="227"/>
      <c r="X10" s="228"/>
      <c r="Y10" s="181" t="s">
        <v>212</v>
      </c>
      <c r="Z10" s="103" t="s">
        <v>183</v>
      </c>
      <c r="AA10" s="103"/>
      <c r="AB10" s="147"/>
      <c r="AC10" s="181" t="s">
        <v>212</v>
      </c>
      <c r="AD10" s="103" t="s">
        <v>183</v>
      </c>
      <c r="AE10" s="103"/>
      <c r="AF10" s="147"/>
      <c r="AG10" s="97"/>
    </row>
    <row r="11" spans="1:33" ht="18.75" customHeight="1" x14ac:dyDescent="0.15">
      <c r="A11" s="167"/>
      <c r="B11" s="157"/>
      <c r="C11" s="213"/>
      <c r="D11" s="226"/>
      <c r="E11" s="115"/>
      <c r="F11" s="226"/>
      <c r="G11" s="184"/>
      <c r="H11" s="262" t="s">
        <v>165</v>
      </c>
      <c r="I11" s="288" t="s">
        <v>212</v>
      </c>
      <c r="J11" s="256" t="s">
        <v>184</v>
      </c>
      <c r="K11" s="256"/>
      <c r="L11" s="292" t="s">
        <v>212</v>
      </c>
      <c r="M11" s="256" t="s">
        <v>196</v>
      </c>
      <c r="N11" s="256"/>
      <c r="O11" s="200"/>
      <c r="P11" s="200"/>
      <c r="Q11" s="200"/>
      <c r="R11" s="200"/>
      <c r="S11" s="200"/>
      <c r="T11" s="200"/>
      <c r="U11" s="200"/>
      <c r="V11" s="200"/>
      <c r="W11" s="200"/>
      <c r="X11" s="151"/>
      <c r="Y11" s="217" t="s">
        <v>212</v>
      </c>
      <c r="Z11" s="112" t="s">
        <v>188</v>
      </c>
      <c r="AA11" s="108"/>
      <c r="AB11" s="110"/>
      <c r="AC11" s="217" t="s">
        <v>212</v>
      </c>
      <c r="AD11" s="112" t="s">
        <v>188</v>
      </c>
      <c r="AE11" s="108"/>
      <c r="AF11" s="110"/>
    </row>
    <row r="12" spans="1:33" ht="18.75" customHeight="1" x14ac:dyDescent="0.15">
      <c r="A12" s="167"/>
      <c r="B12" s="157"/>
      <c r="C12" s="213"/>
      <c r="D12" s="226"/>
      <c r="E12" s="115"/>
      <c r="F12" s="226"/>
      <c r="G12" s="184"/>
      <c r="H12" s="287"/>
      <c r="I12" s="289"/>
      <c r="J12" s="291"/>
      <c r="K12" s="291"/>
      <c r="L12" s="293"/>
      <c r="M12" s="291"/>
      <c r="N12" s="291"/>
      <c r="O12" s="198"/>
      <c r="P12" s="198"/>
      <c r="Q12" s="198"/>
      <c r="R12" s="198"/>
      <c r="S12" s="198"/>
      <c r="T12" s="198"/>
      <c r="U12" s="198"/>
      <c r="V12" s="198"/>
      <c r="W12" s="198"/>
      <c r="X12" s="127"/>
      <c r="Y12" s="109"/>
      <c r="Z12" s="108"/>
      <c r="AA12" s="108"/>
      <c r="AB12" s="110"/>
      <c r="AC12" s="109"/>
      <c r="AD12" s="108"/>
      <c r="AE12" s="108"/>
      <c r="AF12" s="110"/>
    </row>
    <row r="13" spans="1:33" ht="18.75" customHeight="1" x14ac:dyDescent="0.15">
      <c r="A13" s="167"/>
      <c r="B13" s="157"/>
      <c r="C13" s="213"/>
      <c r="D13" s="226"/>
      <c r="E13" s="115"/>
      <c r="F13" s="226"/>
      <c r="G13" s="184"/>
      <c r="H13" s="263"/>
      <c r="I13" s="290"/>
      <c r="J13" s="257"/>
      <c r="K13" s="257"/>
      <c r="L13" s="294"/>
      <c r="M13" s="257"/>
      <c r="N13" s="257"/>
      <c r="O13" s="199"/>
      <c r="P13" s="199"/>
      <c r="Q13" s="199"/>
      <c r="R13" s="199"/>
      <c r="S13" s="199"/>
      <c r="T13" s="199"/>
      <c r="U13" s="199"/>
      <c r="V13" s="199"/>
      <c r="W13" s="199"/>
      <c r="X13" s="154"/>
      <c r="Y13" s="109"/>
      <c r="Z13" s="108"/>
      <c r="AA13" s="108"/>
      <c r="AB13" s="110"/>
      <c r="AC13" s="109"/>
      <c r="AD13" s="108"/>
      <c r="AE13" s="108"/>
      <c r="AF13" s="110"/>
    </row>
    <row r="14" spans="1:33" ht="18.75" customHeight="1" x14ac:dyDescent="0.15">
      <c r="A14" s="167"/>
      <c r="B14" s="157"/>
      <c r="C14" s="213"/>
      <c r="D14" s="226"/>
      <c r="E14" s="115"/>
      <c r="F14" s="226"/>
      <c r="G14" s="184"/>
      <c r="H14" s="114" t="s">
        <v>97</v>
      </c>
      <c r="I14" s="172" t="s">
        <v>212</v>
      </c>
      <c r="J14" s="138" t="s">
        <v>194</v>
      </c>
      <c r="K14" s="136"/>
      <c r="L14" s="165"/>
      <c r="M14" s="173" t="s">
        <v>212</v>
      </c>
      <c r="N14" s="138" t="s">
        <v>195</v>
      </c>
      <c r="O14" s="126"/>
      <c r="P14" s="126"/>
      <c r="Q14" s="126"/>
      <c r="R14" s="126"/>
      <c r="S14" s="126"/>
      <c r="T14" s="126"/>
      <c r="U14" s="126"/>
      <c r="V14" s="126"/>
      <c r="W14" s="126"/>
      <c r="X14" s="164"/>
      <c r="Y14" s="109"/>
      <c r="Z14" s="108"/>
      <c r="AA14" s="108"/>
      <c r="AB14" s="110"/>
      <c r="AC14" s="109"/>
      <c r="AD14" s="108"/>
      <c r="AE14" s="108"/>
      <c r="AF14" s="110"/>
    </row>
    <row r="15" spans="1:33" ht="18.75" customHeight="1" x14ac:dyDescent="0.15">
      <c r="A15" s="167"/>
      <c r="B15" s="157"/>
      <c r="C15" s="213"/>
      <c r="D15" s="226"/>
      <c r="E15" s="115"/>
      <c r="F15" s="226"/>
      <c r="G15" s="184"/>
      <c r="H15" s="218" t="s">
        <v>169</v>
      </c>
      <c r="I15" s="172" t="s">
        <v>212</v>
      </c>
      <c r="J15" s="138" t="s">
        <v>184</v>
      </c>
      <c r="K15" s="138"/>
      <c r="L15" s="173" t="s">
        <v>212</v>
      </c>
      <c r="M15" s="138" t="s">
        <v>185</v>
      </c>
      <c r="N15" s="138"/>
      <c r="O15" s="173" t="s">
        <v>212</v>
      </c>
      <c r="P15" s="138" t="s">
        <v>186</v>
      </c>
      <c r="Q15" s="207"/>
      <c r="R15" s="207"/>
      <c r="S15" s="207"/>
      <c r="T15" s="207"/>
      <c r="U15" s="207"/>
      <c r="V15" s="207"/>
      <c r="W15" s="207"/>
      <c r="X15" s="162"/>
      <c r="Y15" s="109"/>
      <c r="Z15" s="108"/>
      <c r="AA15" s="108"/>
      <c r="AB15" s="110"/>
      <c r="AC15" s="109"/>
      <c r="AD15" s="108"/>
      <c r="AE15" s="108"/>
      <c r="AF15" s="110"/>
    </row>
    <row r="16" spans="1:33" ht="18.75" customHeight="1" x14ac:dyDescent="0.15">
      <c r="A16" s="167"/>
      <c r="B16" s="157"/>
      <c r="C16" s="213"/>
      <c r="D16" s="216" t="s">
        <v>212</v>
      </c>
      <c r="E16" s="115" t="s">
        <v>209</v>
      </c>
      <c r="F16" s="226"/>
      <c r="G16" s="184"/>
      <c r="H16" s="218" t="s">
        <v>139</v>
      </c>
      <c r="I16" s="172" t="s">
        <v>212</v>
      </c>
      <c r="J16" s="138" t="s">
        <v>184</v>
      </c>
      <c r="K16" s="138"/>
      <c r="L16" s="173" t="s">
        <v>212</v>
      </c>
      <c r="M16" s="138" t="s">
        <v>197</v>
      </c>
      <c r="N16" s="138"/>
      <c r="O16" s="173" t="s">
        <v>212</v>
      </c>
      <c r="P16" s="138" t="s">
        <v>198</v>
      </c>
      <c r="Q16" s="207"/>
      <c r="R16" s="207"/>
      <c r="S16" s="207"/>
      <c r="T16" s="207"/>
      <c r="U16" s="207"/>
      <c r="V16" s="207"/>
      <c r="W16" s="207"/>
      <c r="X16" s="162"/>
      <c r="Y16" s="109"/>
      <c r="Z16" s="108"/>
      <c r="AA16" s="108"/>
      <c r="AB16" s="110"/>
      <c r="AC16" s="109"/>
      <c r="AD16" s="108"/>
      <c r="AE16" s="108"/>
      <c r="AF16" s="110"/>
    </row>
    <row r="17" spans="1:33" ht="18.75" customHeight="1" x14ac:dyDescent="0.15">
      <c r="A17" s="216" t="s">
        <v>212</v>
      </c>
      <c r="B17" s="157">
        <v>72</v>
      </c>
      <c r="C17" s="213" t="s">
        <v>145</v>
      </c>
      <c r="D17" s="216" t="s">
        <v>212</v>
      </c>
      <c r="E17" s="115" t="s">
        <v>229</v>
      </c>
      <c r="F17" s="226"/>
      <c r="G17" s="184"/>
      <c r="H17" s="218" t="s">
        <v>171</v>
      </c>
      <c r="I17" s="208" t="s">
        <v>212</v>
      </c>
      <c r="J17" s="138" t="s">
        <v>184</v>
      </c>
      <c r="K17" s="136"/>
      <c r="L17" s="210" t="s">
        <v>212</v>
      </c>
      <c r="M17" s="138" t="s">
        <v>196</v>
      </c>
      <c r="N17" s="207"/>
      <c r="O17" s="207"/>
      <c r="P17" s="207"/>
      <c r="Q17" s="207"/>
      <c r="R17" s="207"/>
      <c r="S17" s="207"/>
      <c r="T17" s="207"/>
      <c r="U17" s="207"/>
      <c r="V17" s="207"/>
      <c r="W17" s="207"/>
      <c r="X17" s="162"/>
      <c r="Y17" s="109"/>
      <c r="Z17" s="108"/>
      <c r="AA17" s="108"/>
      <c r="AB17" s="110"/>
      <c r="AC17" s="109"/>
      <c r="AD17" s="108"/>
      <c r="AE17" s="108"/>
      <c r="AF17" s="110"/>
    </row>
    <row r="18" spans="1:33" ht="18.75" customHeight="1" x14ac:dyDescent="0.15">
      <c r="A18" s="167"/>
      <c r="B18" s="157"/>
      <c r="C18" s="213"/>
      <c r="D18" s="216" t="s">
        <v>212</v>
      </c>
      <c r="E18" s="115" t="s">
        <v>230</v>
      </c>
      <c r="F18" s="226"/>
      <c r="G18" s="184"/>
      <c r="H18" s="215" t="s">
        <v>155</v>
      </c>
      <c r="I18" s="208" t="s">
        <v>212</v>
      </c>
      <c r="J18" s="138" t="s">
        <v>184</v>
      </c>
      <c r="K18" s="136"/>
      <c r="L18" s="173" t="s">
        <v>212</v>
      </c>
      <c r="M18" s="138" t="s">
        <v>196</v>
      </c>
      <c r="N18" s="207"/>
      <c r="O18" s="207"/>
      <c r="P18" s="207"/>
      <c r="Q18" s="207"/>
      <c r="R18" s="207"/>
      <c r="S18" s="207"/>
      <c r="T18" s="207"/>
      <c r="U18" s="207"/>
      <c r="V18" s="207"/>
      <c r="W18" s="207"/>
      <c r="X18" s="162"/>
      <c r="Y18" s="109"/>
      <c r="Z18" s="108"/>
      <c r="AA18" s="108"/>
      <c r="AB18" s="110"/>
      <c r="AC18" s="109"/>
      <c r="AD18" s="108"/>
      <c r="AE18" s="108"/>
      <c r="AF18" s="110"/>
    </row>
    <row r="19" spans="1:33" ht="18.75" customHeight="1" x14ac:dyDescent="0.15">
      <c r="A19" s="167"/>
      <c r="B19" s="157"/>
      <c r="C19" s="213"/>
      <c r="D19" s="226"/>
      <c r="E19" s="115"/>
      <c r="F19" s="226"/>
      <c r="G19" s="184"/>
      <c r="H19" s="114" t="s">
        <v>106</v>
      </c>
      <c r="I19" s="208" t="s">
        <v>212</v>
      </c>
      <c r="J19" s="138" t="s">
        <v>184</v>
      </c>
      <c r="K19" s="136"/>
      <c r="L19" s="217" t="s">
        <v>212</v>
      </c>
      <c r="M19" s="138" t="s">
        <v>196</v>
      </c>
      <c r="N19" s="207"/>
      <c r="O19" s="207"/>
      <c r="P19" s="207"/>
      <c r="Q19" s="207"/>
      <c r="R19" s="207"/>
      <c r="S19" s="207"/>
      <c r="T19" s="207"/>
      <c r="U19" s="207"/>
      <c r="V19" s="207"/>
      <c r="W19" s="207"/>
      <c r="X19" s="162"/>
      <c r="Y19" s="109"/>
      <c r="Z19" s="108"/>
      <c r="AA19" s="108"/>
      <c r="AB19" s="110"/>
      <c r="AC19" s="109"/>
      <c r="AD19" s="108"/>
      <c r="AE19" s="108"/>
      <c r="AF19" s="110"/>
    </row>
    <row r="20" spans="1:33" ht="18.75" customHeight="1" x14ac:dyDescent="0.15">
      <c r="A20" s="167"/>
      <c r="B20" s="157"/>
      <c r="C20" s="213"/>
      <c r="D20" s="226"/>
      <c r="E20" s="115"/>
      <c r="F20" s="226"/>
      <c r="G20" s="184"/>
      <c r="H20" s="112" t="s">
        <v>172</v>
      </c>
      <c r="I20" s="172" t="s">
        <v>212</v>
      </c>
      <c r="J20" s="138" t="s">
        <v>184</v>
      </c>
      <c r="K20" s="136"/>
      <c r="L20" s="173" t="s">
        <v>212</v>
      </c>
      <c r="M20" s="138" t="s">
        <v>196</v>
      </c>
      <c r="N20" s="207"/>
      <c r="O20" s="207"/>
      <c r="P20" s="207"/>
      <c r="Q20" s="207"/>
      <c r="R20" s="207"/>
      <c r="S20" s="207"/>
      <c r="T20" s="207"/>
      <c r="U20" s="207"/>
      <c r="V20" s="207"/>
      <c r="W20" s="207"/>
      <c r="X20" s="162"/>
      <c r="Y20" s="109"/>
      <c r="Z20" s="108"/>
      <c r="AA20" s="108"/>
      <c r="AB20" s="110"/>
      <c r="AC20" s="109"/>
      <c r="AD20" s="108"/>
      <c r="AE20" s="108"/>
      <c r="AF20" s="110"/>
    </row>
    <row r="21" spans="1:33" ht="18.75" customHeight="1" x14ac:dyDescent="0.15">
      <c r="A21" s="167"/>
      <c r="B21" s="157"/>
      <c r="C21" s="213"/>
      <c r="D21" s="226"/>
      <c r="E21" s="115"/>
      <c r="F21" s="226"/>
      <c r="G21" s="184"/>
      <c r="H21" s="218" t="s">
        <v>157</v>
      </c>
      <c r="I21" s="172" t="s">
        <v>212</v>
      </c>
      <c r="J21" s="138" t="s">
        <v>184</v>
      </c>
      <c r="K21" s="136"/>
      <c r="L21" s="173" t="s">
        <v>212</v>
      </c>
      <c r="M21" s="138" t="s">
        <v>196</v>
      </c>
      <c r="N21" s="207"/>
      <c r="O21" s="207"/>
      <c r="P21" s="207"/>
      <c r="Q21" s="207"/>
      <c r="R21" s="207"/>
      <c r="S21" s="207"/>
      <c r="T21" s="207"/>
      <c r="U21" s="207"/>
      <c r="V21" s="207"/>
      <c r="W21" s="207"/>
      <c r="X21" s="162"/>
      <c r="Y21" s="109"/>
      <c r="Z21" s="108"/>
      <c r="AA21" s="108"/>
      <c r="AB21" s="110"/>
      <c r="AC21" s="109"/>
      <c r="AD21" s="108"/>
      <c r="AE21" s="108"/>
      <c r="AF21" s="110"/>
    </row>
    <row r="22" spans="1:33" ht="18.75" customHeight="1" x14ac:dyDescent="0.15">
      <c r="A22" s="167"/>
      <c r="B22" s="157"/>
      <c r="C22" s="213"/>
      <c r="D22" s="226"/>
      <c r="E22" s="115"/>
      <c r="F22" s="226"/>
      <c r="G22" s="184"/>
      <c r="H22" s="218" t="s">
        <v>154</v>
      </c>
      <c r="I22" s="172" t="s">
        <v>212</v>
      </c>
      <c r="J22" s="138" t="s">
        <v>184</v>
      </c>
      <c r="K22" s="136"/>
      <c r="L22" s="173" t="s">
        <v>212</v>
      </c>
      <c r="M22" s="138" t="s">
        <v>196</v>
      </c>
      <c r="N22" s="207"/>
      <c r="O22" s="207"/>
      <c r="P22" s="207"/>
      <c r="Q22" s="207"/>
      <c r="R22" s="207"/>
      <c r="S22" s="207"/>
      <c r="T22" s="207"/>
      <c r="U22" s="207"/>
      <c r="V22" s="207"/>
      <c r="W22" s="207"/>
      <c r="X22" s="162"/>
      <c r="Y22" s="109"/>
      <c r="Z22" s="108"/>
      <c r="AA22" s="108"/>
      <c r="AB22" s="110"/>
      <c r="AC22" s="109"/>
      <c r="AD22" s="108"/>
      <c r="AE22" s="108"/>
      <c r="AF22" s="110"/>
    </row>
    <row r="23" spans="1:33" ht="18.75" customHeight="1" x14ac:dyDescent="0.15">
      <c r="A23" s="167"/>
      <c r="B23" s="157"/>
      <c r="C23" s="213"/>
      <c r="D23" s="226"/>
      <c r="E23" s="115"/>
      <c r="F23" s="226"/>
      <c r="G23" s="184"/>
      <c r="H23" s="114" t="s">
        <v>105</v>
      </c>
      <c r="I23" s="173" t="s">
        <v>212</v>
      </c>
      <c r="J23" s="138" t="s">
        <v>184</v>
      </c>
      <c r="K23" s="138"/>
      <c r="L23" s="173" t="s">
        <v>212</v>
      </c>
      <c r="M23" s="138" t="s">
        <v>205</v>
      </c>
      <c r="N23" s="138"/>
      <c r="O23" s="173" t="s">
        <v>212</v>
      </c>
      <c r="P23" s="138" t="s">
        <v>199</v>
      </c>
      <c r="Q23" s="138"/>
      <c r="R23" s="173" t="s">
        <v>212</v>
      </c>
      <c r="S23" s="138" t="s">
        <v>206</v>
      </c>
      <c r="T23" s="207"/>
      <c r="U23" s="207"/>
      <c r="V23" s="207"/>
      <c r="W23" s="207"/>
      <c r="X23" s="162"/>
      <c r="Y23" s="109"/>
      <c r="Z23" s="108"/>
      <c r="AA23" s="108"/>
      <c r="AB23" s="110"/>
      <c r="AC23" s="109"/>
      <c r="AD23" s="108"/>
      <c r="AE23" s="108"/>
      <c r="AF23" s="110"/>
    </row>
    <row r="24" spans="1:33" ht="18.75" customHeight="1" x14ac:dyDescent="0.15">
      <c r="A24" s="167"/>
      <c r="B24" s="157"/>
      <c r="C24" s="213"/>
      <c r="D24" s="226"/>
      <c r="E24" s="115"/>
      <c r="F24" s="226"/>
      <c r="G24" s="184"/>
      <c r="H24" s="114" t="s">
        <v>109</v>
      </c>
      <c r="I24" s="172" t="s">
        <v>212</v>
      </c>
      <c r="J24" s="138" t="s">
        <v>184</v>
      </c>
      <c r="K24" s="138"/>
      <c r="L24" s="173" t="s">
        <v>212</v>
      </c>
      <c r="M24" s="138" t="s">
        <v>191</v>
      </c>
      <c r="N24" s="138"/>
      <c r="O24" s="210" t="s">
        <v>212</v>
      </c>
      <c r="P24" s="138" t="s">
        <v>192</v>
      </c>
      <c r="Q24" s="138"/>
      <c r="R24" s="173" t="s">
        <v>212</v>
      </c>
      <c r="S24" s="138" t="s">
        <v>193</v>
      </c>
      <c r="T24" s="138"/>
      <c r="U24" s="126"/>
      <c r="V24" s="126"/>
      <c r="W24" s="126"/>
      <c r="X24" s="164"/>
      <c r="Y24" s="109"/>
      <c r="Z24" s="108"/>
      <c r="AA24" s="108"/>
      <c r="AB24" s="110"/>
      <c r="AC24" s="109"/>
      <c r="AD24" s="108"/>
      <c r="AE24" s="108"/>
      <c r="AF24" s="110"/>
    </row>
    <row r="25" spans="1:33" ht="18.75" customHeight="1" x14ac:dyDescent="0.15">
      <c r="A25" s="167"/>
      <c r="B25" s="157"/>
      <c r="C25" s="213"/>
      <c r="D25" s="226"/>
      <c r="E25" s="115"/>
      <c r="F25" s="226"/>
      <c r="G25" s="184"/>
      <c r="H25" s="220" t="s">
        <v>279</v>
      </c>
      <c r="I25" s="172" t="s">
        <v>212</v>
      </c>
      <c r="J25" s="140" t="s">
        <v>280</v>
      </c>
      <c r="K25" s="140"/>
      <c r="L25" s="173" t="s">
        <v>212</v>
      </c>
      <c r="M25" s="140" t="s">
        <v>281</v>
      </c>
      <c r="N25" s="140"/>
      <c r="O25" s="210" t="s">
        <v>212</v>
      </c>
      <c r="P25" s="140" t="s">
        <v>282</v>
      </c>
      <c r="Q25" s="140"/>
      <c r="R25" s="210"/>
      <c r="S25" s="140"/>
      <c r="T25" s="140"/>
      <c r="U25" s="129"/>
      <c r="V25" s="129"/>
      <c r="W25" s="129"/>
      <c r="X25" s="130"/>
      <c r="Y25" s="109"/>
      <c r="Z25" s="108"/>
      <c r="AA25" s="108"/>
      <c r="AB25" s="110"/>
      <c r="AC25" s="109"/>
      <c r="AD25" s="108"/>
      <c r="AE25" s="108"/>
      <c r="AF25" s="110"/>
    </row>
    <row r="26" spans="1:33" ht="18.75" customHeight="1" x14ac:dyDescent="0.15">
      <c r="A26" s="168"/>
      <c r="B26" s="205"/>
      <c r="C26" s="214"/>
      <c r="D26" s="221"/>
      <c r="E26" s="117"/>
      <c r="F26" s="221"/>
      <c r="G26" s="183"/>
      <c r="H26" s="236" t="s">
        <v>283</v>
      </c>
      <c r="I26" s="238" t="s">
        <v>212</v>
      </c>
      <c r="J26" s="239" t="s">
        <v>184</v>
      </c>
      <c r="K26" s="239"/>
      <c r="L26" s="238" t="s">
        <v>212</v>
      </c>
      <c r="M26" s="239" t="s">
        <v>196</v>
      </c>
      <c r="N26" s="239"/>
      <c r="O26" s="239"/>
      <c r="P26" s="239"/>
      <c r="Q26" s="240"/>
      <c r="R26" s="239"/>
      <c r="S26" s="239"/>
      <c r="T26" s="239"/>
      <c r="U26" s="241"/>
      <c r="V26" s="241"/>
      <c r="W26" s="241"/>
      <c r="X26" s="242"/>
      <c r="Y26" s="148"/>
      <c r="Z26" s="149"/>
      <c r="AA26" s="149"/>
      <c r="AB26" s="150"/>
      <c r="AC26" s="148"/>
      <c r="AD26" s="149"/>
      <c r="AE26" s="149"/>
      <c r="AF26" s="150"/>
    </row>
    <row r="27" spans="1:33" ht="18.75" customHeight="1" x14ac:dyDescent="0.15">
      <c r="A27" s="102"/>
      <c r="B27" s="203"/>
      <c r="C27" s="212"/>
      <c r="D27" s="223"/>
      <c r="E27" s="128"/>
      <c r="F27" s="223"/>
      <c r="G27" s="134"/>
      <c r="H27" s="113" t="s">
        <v>96</v>
      </c>
      <c r="I27" s="175" t="s">
        <v>212</v>
      </c>
      <c r="J27" s="133" t="s">
        <v>184</v>
      </c>
      <c r="K27" s="133"/>
      <c r="L27" s="222"/>
      <c r="M27" s="177" t="s">
        <v>212</v>
      </c>
      <c r="N27" s="133" t="s">
        <v>200</v>
      </c>
      <c r="O27" s="133"/>
      <c r="P27" s="222"/>
      <c r="Q27" s="177" t="s">
        <v>212</v>
      </c>
      <c r="R27" s="227" t="s">
        <v>201</v>
      </c>
      <c r="S27" s="227"/>
      <c r="T27" s="227"/>
      <c r="U27" s="227"/>
      <c r="V27" s="227"/>
      <c r="W27" s="227"/>
      <c r="X27" s="228"/>
      <c r="Y27" s="180" t="s">
        <v>212</v>
      </c>
      <c r="Z27" s="103" t="s">
        <v>183</v>
      </c>
      <c r="AA27" s="103"/>
      <c r="AB27" s="147"/>
      <c r="AC27" s="180" t="s">
        <v>212</v>
      </c>
      <c r="AD27" s="103" t="s">
        <v>183</v>
      </c>
      <c r="AE27" s="103"/>
      <c r="AF27" s="147"/>
      <c r="AG27" s="97"/>
    </row>
    <row r="28" spans="1:33" ht="18.75" customHeight="1" x14ac:dyDescent="0.15">
      <c r="A28" s="167"/>
      <c r="B28" s="157"/>
      <c r="C28" s="213"/>
      <c r="D28" s="226"/>
      <c r="E28" s="115"/>
      <c r="F28" s="226"/>
      <c r="G28" s="184"/>
      <c r="H28" s="262" t="s">
        <v>165</v>
      </c>
      <c r="I28" s="288" t="s">
        <v>212</v>
      </c>
      <c r="J28" s="256" t="s">
        <v>184</v>
      </c>
      <c r="K28" s="256"/>
      <c r="L28" s="292" t="s">
        <v>212</v>
      </c>
      <c r="M28" s="256" t="s">
        <v>196</v>
      </c>
      <c r="N28" s="256"/>
      <c r="O28" s="200"/>
      <c r="P28" s="200"/>
      <c r="Q28" s="200"/>
      <c r="R28" s="200"/>
      <c r="S28" s="200"/>
      <c r="T28" s="200"/>
      <c r="U28" s="200"/>
      <c r="V28" s="200"/>
      <c r="W28" s="200"/>
      <c r="X28" s="151"/>
      <c r="Y28" s="216" t="s">
        <v>212</v>
      </c>
      <c r="Z28" s="112" t="s">
        <v>188</v>
      </c>
      <c r="AA28" s="108"/>
      <c r="AB28" s="110"/>
      <c r="AC28" s="216" t="s">
        <v>212</v>
      </c>
      <c r="AD28" s="112" t="s">
        <v>188</v>
      </c>
      <c r="AE28" s="108"/>
      <c r="AF28" s="110"/>
    </row>
    <row r="29" spans="1:33" ht="18.75" customHeight="1" x14ac:dyDescent="0.15">
      <c r="A29" s="167"/>
      <c r="B29" s="157"/>
      <c r="C29" s="213"/>
      <c r="D29" s="226"/>
      <c r="E29" s="115"/>
      <c r="F29" s="226"/>
      <c r="G29" s="184"/>
      <c r="H29" s="287"/>
      <c r="I29" s="289"/>
      <c r="J29" s="291"/>
      <c r="K29" s="291"/>
      <c r="L29" s="293"/>
      <c r="M29" s="291"/>
      <c r="N29" s="291"/>
      <c r="O29" s="198"/>
      <c r="P29" s="198"/>
      <c r="Q29" s="198"/>
      <c r="R29" s="198"/>
      <c r="S29" s="198"/>
      <c r="T29" s="198"/>
      <c r="U29" s="198"/>
      <c r="V29" s="198"/>
      <c r="W29" s="198"/>
      <c r="X29" s="127"/>
      <c r="Y29" s="109"/>
      <c r="Z29" s="108"/>
      <c r="AA29" s="108"/>
      <c r="AB29" s="110"/>
      <c r="AC29" s="109"/>
      <c r="AD29" s="108"/>
      <c r="AE29" s="108"/>
      <c r="AF29" s="110"/>
    </row>
    <row r="30" spans="1:33" ht="18.75" customHeight="1" x14ac:dyDescent="0.15">
      <c r="A30" s="167"/>
      <c r="B30" s="157"/>
      <c r="C30" s="213"/>
      <c r="D30" s="226"/>
      <c r="E30" s="115"/>
      <c r="F30" s="226"/>
      <c r="G30" s="184"/>
      <c r="H30" s="263"/>
      <c r="I30" s="290"/>
      <c r="J30" s="257"/>
      <c r="K30" s="257"/>
      <c r="L30" s="294"/>
      <c r="M30" s="257"/>
      <c r="N30" s="257"/>
      <c r="O30" s="199"/>
      <c r="P30" s="199"/>
      <c r="Q30" s="199"/>
      <c r="R30" s="199"/>
      <c r="S30" s="199"/>
      <c r="T30" s="199"/>
      <c r="U30" s="199"/>
      <c r="V30" s="199"/>
      <c r="W30" s="199"/>
      <c r="X30" s="154"/>
      <c r="Y30" s="109"/>
      <c r="Z30" s="108"/>
      <c r="AA30" s="108"/>
      <c r="AB30" s="110"/>
      <c r="AC30" s="109"/>
      <c r="AD30" s="108"/>
      <c r="AE30" s="108"/>
      <c r="AF30" s="110"/>
    </row>
    <row r="31" spans="1:33" ht="18.75" customHeight="1" x14ac:dyDescent="0.15">
      <c r="A31" s="167"/>
      <c r="B31" s="157"/>
      <c r="C31" s="213"/>
      <c r="D31" s="226"/>
      <c r="E31" s="115"/>
      <c r="F31" s="226"/>
      <c r="G31" s="184"/>
      <c r="H31" s="114" t="s">
        <v>97</v>
      </c>
      <c r="I31" s="172" t="s">
        <v>212</v>
      </c>
      <c r="J31" s="138" t="s">
        <v>194</v>
      </c>
      <c r="K31" s="136"/>
      <c r="L31" s="165"/>
      <c r="M31" s="173" t="s">
        <v>212</v>
      </c>
      <c r="N31" s="138" t="s">
        <v>195</v>
      </c>
      <c r="O31" s="126"/>
      <c r="P31" s="126"/>
      <c r="Q31" s="126"/>
      <c r="R31" s="126"/>
      <c r="S31" s="126"/>
      <c r="T31" s="126"/>
      <c r="U31" s="126"/>
      <c r="V31" s="126"/>
      <c r="W31" s="126"/>
      <c r="X31" s="164"/>
      <c r="Y31" s="109"/>
      <c r="Z31" s="108"/>
      <c r="AA31" s="108"/>
      <c r="AB31" s="110"/>
      <c r="AC31" s="109"/>
      <c r="AD31" s="108"/>
      <c r="AE31" s="108"/>
      <c r="AF31" s="110"/>
    </row>
    <row r="32" spans="1:33" ht="18.75" customHeight="1" x14ac:dyDescent="0.15">
      <c r="A32" s="167"/>
      <c r="B32" s="157"/>
      <c r="C32" s="213"/>
      <c r="D32" s="226"/>
      <c r="E32" s="115"/>
      <c r="F32" s="226"/>
      <c r="G32" s="184"/>
      <c r="H32" s="218" t="s">
        <v>169</v>
      </c>
      <c r="I32" s="208" t="s">
        <v>212</v>
      </c>
      <c r="J32" s="138" t="s">
        <v>184</v>
      </c>
      <c r="K32" s="138"/>
      <c r="L32" s="173" t="s">
        <v>212</v>
      </c>
      <c r="M32" s="138" t="s">
        <v>185</v>
      </c>
      <c r="N32" s="138"/>
      <c r="O32" s="210" t="s">
        <v>212</v>
      </c>
      <c r="P32" s="138" t="s">
        <v>186</v>
      </c>
      <c r="Q32" s="207"/>
      <c r="R32" s="207"/>
      <c r="S32" s="207"/>
      <c r="T32" s="207"/>
      <c r="U32" s="207"/>
      <c r="V32" s="207"/>
      <c r="W32" s="207"/>
      <c r="X32" s="162"/>
      <c r="Y32" s="109"/>
      <c r="Z32" s="108"/>
      <c r="AA32" s="108"/>
      <c r="AB32" s="110"/>
      <c r="AC32" s="109"/>
      <c r="AD32" s="108"/>
      <c r="AE32" s="108"/>
      <c r="AF32" s="110"/>
    </row>
    <row r="33" spans="1:32" ht="18.75" customHeight="1" x14ac:dyDescent="0.15">
      <c r="A33" s="167"/>
      <c r="B33" s="157"/>
      <c r="C33" s="213"/>
      <c r="D33" s="216" t="s">
        <v>212</v>
      </c>
      <c r="E33" s="115" t="s">
        <v>209</v>
      </c>
      <c r="F33" s="226"/>
      <c r="G33" s="184"/>
      <c r="H33" s="218" t="s">
        <v>139</v>
      </c>
      <c r="I33" s="172" t="s">
        <v>212</v>
      </c>
      <c r="J33" s="138" t="s">
        <v>184</v>
      </c>
      <c r="K33" s="138"/>
      <c r="L33" s="173" t="s">
        <v>212</v>
      </c>
      <c r="M33" s="138" t="s">
        <v>197</v>
      </c>
      <c r="N33" s="138"/>
      <c r="O33" s="173" t="s">
        <v>212</v>
      </c>
      <c r="P33" s="138" t="s">
        <v>198</v>
      </c>
      <c r="Q33" s="207"/>
      <c r="R33" s="207"/>
      <c r="S33" s="207"/>
      <c r="T33" s="207"/>
      <c r="U33" s="207"/>
      <c r="V33" s="207"/>
      <c r="W33" s="207"/>
      <c r="X33" s="162"/>
      <c r="Y33" s="109"/>
      <c r="Z33" s="108"/>
      <c r="AA33" s="108"/>
      <c r="AB33" s="110"/>
      <c r="AC33" s="109"/>
      <c r="AD33" s="108"/>
      <c r="AE33" s="108"/>
      <c r="AF33" s="110"/>
    </row>
    <row r="34" spans="1:32" ht="18.75" customHeight="1" x14ac:dyDescent="0.15">
      <c r="A34" s="216" t="s">
        <v>212</v>
      </c>
      <c r="B34" s="157">
        <v>74</v>
      </c>
      <c r="C34" s="213" t="s">
        <v>246</v>
      </c>
      <c r="D34" s="216" t="s">
        <v>212</v>
      </c>
      <c r="E34" s="115" t="s">
        <v>229</v>
      </c>
      <c r="F34" s="226"/>
      <c r="G34" s="184"/>
      <c r="H34" s="218" t="s">
        <v>171</v>
      </c>
      <c r="I34" s="172" t="s">
        <v>212</v>
      </c>
      <c r="J34" s="138" t="s">
        <v>184</v>
      </c>
      <c r="K34" s="136"/>
      <c r="L34" s="173" t="s">
        <v>212</v>
      </c>
      <c r="M34" s="138" t="s">
        <v>196</v>
      </c>
      <c r="N34" s="207"/>
      <c r="O34" s="207"/>
      <c r="P34" s="207"/>
      <c r="Q34" s="207"/>
      <c r="R34" s="207"/>
      <c r="S34" s="207"/>
      <c r="T34" s="207"/>
      <c r="U34" s="207"/>
      <c r="V34" s="207"/>
      <c r="W34" s="207"/>
      <c r="X34" s="162"/>
      <c r="Y34" s="109"/>
      <c r="Z34" s="108"/>
      <c r="AA34" s="108"/>
      <c r="AB34" s="110"/>
      <c r="AC34" s="109"/>
      <c r="AD34" s="108"/>
      <c r="AE34" s="108"/>
      <c r="AF34" s="110"/>
    </row>
    <row r="35" spans="1:32" ht="18.75" customHeight="1" x14ac:dyDescent="0.15">
      <c r="A35" s="167"/>
      <c r="B35" s="157"/>
      <c r="C35" s="213" t="s">
        <v>6</v>
      </c>
      <c r="D35" s="216" t="s">
        <v>212</v>
      </c>
      <c r="E35" s="115" t="s">
        <v>230</v>
      </c>
      <c r="F35" s="226"/>
      <c r="G35" s="184"/>
      <c r="H35" s="114" t="s">
        <v>106</v>
      </c>
      <c r="I35" s="172" t="s">
        <v>212</v>
      </c>
      <c r="J35" s="138" t="s">
        <v>184</v>
      </c>
      <c r="K35" s="136"/>
      <c r="L35" s="173" t="s">
        <v>212</v>
      </c>
      <c r="M35" s="138" t="s">
        <v>196</v>
      </c>
      <c r="N35" s="207"/>
      <c r="O35" s="207"/>
      <c r="P35" s="207"/>
      <c r="Q35" s="207"/>
      <c r="R35" s="207"/>
      <c r="S35" s="207"/>
      <c r="T35" s="207"/>
      <c r="U35" s="207"/>
      <c r="V35" s="207"/>
      <c r="W35" s="207"/>
      <c r="X35" s="162"/>
      <c r="Y35" s="109"/>
      <c r="Z35" s="108"/>
      <c r="AA35" s="108"/>
      <c r="AB35" s="110"/>
      <c r="AC35" s="109"/>
      <c r="AD35" s="108"/>
      <c r="AE35" s="108"/>
      <c r="AF35" s="110"/>
    </row>
    <row r="36" spans="1:32" ht="18.75" customHeight="1" x14ac:dyDescent="0.15">
      <c r="A36" s="167"/>
      <c r="B36" s="157"/>
      <c r="C36" s="213"/>
      <c r="D36" s="226"/>
      <c r="E36" s="115"/>
      <c r="F36" s="226"/>
      <c r="G36" s="184"/>
      <c r="H36" s="112" t="s">
        <v>172</v>
      </c>
      <c r="I36" s="172" t="s">
        <v>212</v>
      </c>
      <c r="J36" s="138" t="s">
        <v>184</v>
      </c>
      <c r="K36" s="136"/>
      <c r="L36" s="173" t="s">
        <v>212</v>
      </c>
      <c r="M36" s="138" t="s">
        <v>196</v>
      </c>
      <c r="N36" s="207"/>
      <c r="O36" s="207"/>
      <c r="P36" s="207"/>
      <c r="Q36" s="207"/>
      <c r="R36" s="207"/>
      <c r="S36" s="207"/>
      <c r="T36" s="207"/>
      <c r="U36" s="207"/>
      <c r="V36" s="207"/>
      <c r="W36" s="207"/>
      <c r="X36" s="162"/>
      <c r="Y36" s="109"/>
      <c r="Z36" s="108"/>
      <c r="AA36" s="108"/>
      <c r="AB36" s="110"/>
      <c r="AC36" s="109"/>
      <c r="AD36" s="108"/>
      <c r="AE36" s="108"/>
      <c r="AF36" s="110"/>
    </row>
    <row r="37" spans="1:32" ht="18.75" customHeight="1" x14ac:dyDescent="0.15">
      <c r="A37" s="167"/>
      <c r="B37" s="157"/>
      <c r="C37" s="213"/>
      <c r="D37" s="226"/>
      <c r="E37" s="115"/>
      <c r="F37" s="226"/>
      <c r="G37" s="184"/>
      <c r="H37" s="218" t="s">
        <v>157</v>
      </c>
      <c r="I37" s="172" t="s">
        <v>212</v>
      </c>
      <c r="J37" s="138" t="s">
        <v>184</v>
      </c>
      <c r="K37" s="136"/>
      <c r="L37" s="173" t="s">
        <v>212</v>
      </c>
      <c r="M37" s="138" t="s">
        <v>196</v>
      </c>
      <c r="N37" s="207"/>
      <c r="O37" s="207"/>
      <c r="P37" s="207"/>
      <c r="Q37" s="207"/>
      <c r="R37" s="207"/>
      <c r="S37" s="207"/>
      <c r="T37" s="207"/>
      <c r="U37" s="207"/>
      <c r="V37" s="207"/>
      <c r="W37" s="207"/>
      <c r="X37" s="162"/>
      <c r="Y37" s="109"/>
      <c r="Z37" s="108"/>
      <c r="AA37" s="108"/>
      <c r="AB37" s="110"/>
      <c r="AC37" s="109"/>
      <c r="AD37" s="108"/>
      <c r="AE37" s="108"/>
      <c r="AF37" s="110"/>
    </row>
    <row r="38" spans="1:32" ht="18.75" customHeight="1" x14ac:dyDescent="0.15">
      <c r="A38" s="167"/>
      <c r="B38" s="157"/>
      <c r="C38" s="213"/>
      <c r="D38" s="226"/>
      <c r="E38" s="115"/>
      <c r="F38" s="226"/>
      <c r="G38" s="184"/>
      <c r="H38" s="218" t="s">
        <v>154</v>
      </c>
      <c r="I38" s="172" t="s">
        <v>212</v>
      </c>
      <c r="J38" s="138" t="s">
        <v>184</v>
      </c>
      <c r="K38" s="136"/>
      <c r="L38" s="173" t="s">
        <v>212</v>
      </c>
      <c r="M38" s="138" t="s">
        <v>196</v>
      </c>
      <c r="N38" s="207"/>
      <c r="O38" s="207"/>
      <c r="P38" s="207"/>
      <c r="Q38" s="207"/>
      <c r="R38" s="207"/>
      <c r="S38" s="207"/>
      <c r="T38" s="207"/>
      <c r="U38" s="207"/>
      <c r="V38" s="207"/>
      <c r="W38" s="207"/>
      <c r="X38" s="162"/>
      <c r="Y38" s="109"/>
      <c r="Z38" s="108"/>
      <c r="AA38" s="108"/>
      <c r="AB38" s="110"/>
      <c r="AC38" s="109"/>
      <c r="AD38" s="108"/>
      <c r="AE38" s="108"/>
      <c r="AF38" s="110"/>
    </row>
    <row r="39" spans="1:32" ht="18.75" customHeight="1" x14ac:dyDescent="0.15">
      <c r="A39" s="167"/>
      <c r="B39" s="157"/>
      <c r="C39" s="213"/>
      <c r="D39" s="226"/>
      <c r="E39" s="115"/>
      <c r="F39" s="226"/>
      <c r="G39" s="184"/>
      <c r="H39" s="114" t="s">
        <v>105</v>
      </c>
      <c r="I39" s="172" t="s">
        <v>212</v>
      </c>
      <c r="J39" s="138" t="s">
        <v>184</v>
      </c>
      <c r="K39" s="138"/>
      <c r="L39" s="173" t="s">
        <v>212</v>
      </c>
      <c r="M39" s="138" t="s">
        <v>205</v>
      </c>
      <c r="N39" s="138"/>
      <c r="O39" s="173" t="s">
        <v>212</v>
      </c>
      <c r="P39" s="138" t="s">
        <v>199</v>
      </c>
      <c r="Q39" s="207"/>
      <c r="R39" s="173" t="s">
        <v>212</v>
      </c>
      <c r="S39" s="138" t="s">
        <v>206</v>
      </c>
      <c r="T39" s="207"/>
      <c r="U39" s="207"/>
      <c r="V39" s="207"/>
      <c r="W39" s="207"/>
      <c r="X39" s="162"/>
      <c r="Y39" s="109"/>
      <c r="Z39" s="108"/>
      <c r="AA39" s="108"/>
      <c r="AB39" s="110"/>
      <c r="AC39" s="109"/>
      <c r="AD39" s="108"/>
      <c r="AE39" s="108"/>
      <c r="AF39" s="110"/>
    </row>
    <row r="40" spans="1:32" ht="18.75" customHeight="1" x14ac:dyDescent="0.15">
      <c r="A40" s="167"/>
      <c r="B40" s="157"/>
      <c r="C40" s="213"/>
      <c r="D40" s="226"/>
      <c r="E40" s="115"/>
      <c r="F40" s="226"/>
      <c r="G40" s="184"/>
      <c r="H40" s="114" t="s">
        <v>109</v>
      </c>
      <c r="I40" s="172" t="s">
        <v>212</v>
      </c>
      <c r="J40" s="138" t="s">
        <v>184</v>
      </c>
      <c r="K40" s="138"/>
      <c r="L40" s="173" t="s">
        <v>212</v>
      </c>
      <c r="M40" s="138" t="s">
        <v>191</v>
      </c>
      <c r="N40" s="138"/>
      <c r="O40" s="210" t="s">
        <v>212</v>
      </c>
      <c r="P40" s="138" t="s">
        <v>192</v>
      </c>
      <c r="Q40" s="138"/>
      <c r="R40" s="173" t="s">
        <v>212</v>
      </c>
      <c r="S40" s="138" t="s">
        <v>193</v>
      </c>
      <c r="T40" s="138"/>
      <c r="U40" s="126"/>
      <c r="V40" s="126"/>
      <c r="W40" s="126"/>
      <c r="X40" s="164"/>
      <c r="Y40" s="109"/>
      <c r="Z40" s="108"/>
      <c r="AA40" s="108"/>
      <c r="AB40" s="110"/>
      <c r="AC40" s="109"/>
      <c r="AD40" s="108"/>
      <c r="AE40" s="108"/>
      <c r="AF40" s="110"/>
    </row>
    <row r="41" spans="1:32" ht="18.75" customHeight="1" x14ac:dyDescent="0.15">
      <c r="A41" s="167"/>
      <c r="B41" s="157"/>
      <c r="C41" s="213"/>
      <c r="D41" s="226"/>
      <c r="E41" s="115"/>
      <c r="F41" s="226"/>
      <c r="G41" s="184"/>
      <c r="H41" s="220" t="s">
        <v>279</v>
      </c>
      <c r="I41" s="217" t="s">
        <v>212</v>
      </c>
      <c r="J41" s="140" t="s">
        <v>280</v>
      </c>
      <c r="K41" s="140"/>
      <c r="L41" s="173" t="s">
        <v>212</v>
      </c>
      <c r="M41" s="140" t="s">
        <v>281</v>
      </c>
      <c r="N41" s="140"/>
      <c r="O41" s="210" t="s">
        <v>212</v>
      </c>
      <c r="P41" s="140" t="s">
        <v>282</v>
      </c>
      <c r="Q41" s="140"/>
      <c r="R41" s="210"/>
      <c r="S41" s="140"/>
      <c r="T41" s="140"/>
      <c r="U41" s="129"/>
      <c r="V41" s="129"/>
      <c r="W41" s="129"/>
      <c r="X41" s="130"/>
      <c r="Y41" s="109"/>
      <c r="Z41" s="108"/>
      <c r="AA41" s="108"/>
      <c r="AB41" s="110"/>
      <c r="AC41" s="109"/>
      <c r="AD41" s="108"/>
      <c r="AE41" s="108"/>
      <c r="AF41" s="110"/>
    </row>
    <row r="42" spans="1:32" ht="18.75" customHeight="1" x14ac:dyDescent="0.15">
      <c r="A42" s="168"/>
      <c r="B42" s="205"/>
      <c r="C42" s="214"/>
      <c r="D42" s="221"/>
      <c r="E42" s="117"/>
      <c r="F42" s="221"/>
      <c r="G42" s="183"/>
      <c r="H42" s="236" t="s">
        <v>283</v>
      </c>
      <c r="I42" s="230" t="s">
        <v>212</v>
      </c>
      <c r="J42" s="239" t="s">
        <v>184</v>
      </c>
      <c r="K42" s="239"/>
      <c r="L42" s="238" t="s">
        <v>212</v>
      </c>
      <c r="M42" s="239" t="s">
        <v>196</v>
      </c>
      <c r="N42" s="239"/>
      <c r="O42" s="239"/>
      <c r="P42" s="239"/>
      <c r="Q42" s="240"/>
      <c r="R42" s="239"/>
      <c r="S42" s="239"/>
      <c r="T42" s="239"/>
      <c r="U42" s="241"/>
      <c r="V42" s="241"/>
      <c r="W42" s="241"/>
      <c r="X42" s="242"/>
      <c r="Y42" s="109"/>
      <c r="Z42" s="108"/>
      <c r="AA42" s="108"/>
      <c r="AB42" s="110"/>
      <c r="AC42" s="109"/>
      <c r="AD42" s="108"/>
      <c r="AE42" s="108"/>
      <c r="AF42" s="110"/>
    </row>
  </sheetData>
  <mergeCells count="22">
    <mergeCell ref="A3:AF3"/>
    <mergeCell ref="S5:V5"/>
    <mergeCell ref="A7:C7"/>
    <mergeCell ref="D7:E7"/>
    <mergeCell ref="F7:G7"/>
    <mergeCell ref="H7:X7"/>
    <mergeCell ref="Y7:AB7"/>
    <mergeCell ref="AC7:AF7"/>
    <mergeCell ref="A8:C9"/>
    <mergeCell ref="H8:H9"/>
    <mergeCell ref="Y8:AB9"/>
    <mergeCell ref="AC8:AF9"/>
    <mergeCell ref="H11:H13"/>
    <mergeCell ref="I11:I13"/>
    <mergeCell ref="J11:K13"/>
    <mergeCell ref="L11:L13"/>
    <mergeCell ref="M11:N13"/>
    <mergeCell ref="H28:H30"/>
    <mergeCell ref="I28:I30"/>
    <mergeCell ref="J28:K30"/>
    <mergeCell ref="L28:L30"/>
    <mergeCell ref="M28:N30"/>
  </mergeCells>
  <phoneticPr fontId="3"/>
  <dataValidations count="1">
    <dataValidation type="list" allowBlank="1" showInputMessage="1" showErrorMessage="1" sqref="U8:U9 L28 M8:M10 Q8:Q10 M14 O15:O16 R23:R25 L15:L26 O23:O25 L11 M27 Q27 M31 L32:L42 O32:O33 R39:R41 O39:O41 I31:I42 Y10:Y11 Y27:Y28 AC10:AC11 AC27:AC28 D16:D18 D33:D35 A17 A34 I8:I11 I14:I28" xr:uid="{00000000-0002-0000-0200-000000000000}">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44" fitToHeight="0" orientation="landscape" cellComments="asDisplayed"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tabColor rgb="FFFFFF00"/>
    <pageSetUpPr fitToPage="1"/>
  </sheetPr>
  <dimension ref="A2:AG48"/>
  <sheetViews>
    <sheetView tabSelected="1" view="pageBreakPreview" zoomScale="70" zoomScaleNormal="70" zoomScaleSheetLayoutView="70" workbookViewId="0">
      <selection activeCell="H17" sqref="H17:L17"/>
    </sheetView>
  </sheetViews>
  <sheetFormatPr defaultRowHeight="20.25" customHeight="1" x14ac:dyDescent="0.15"/>
  <cols>
    <col min="1" max="2" width="4.25" style="225" customWidth="1"/>
    <col min="3" max="3" width="25" style="219" customWidth="1"/>
    <col min="4" max="4" width="4.875" style="219" customWidth="1"/>
    <col min="5" max="5" width="41.625" style="219" customWidth="1"/>
    <col min="6" max="6" width="4.875" style="219" customWidth="1"/>
    <col min="7" max="7" width="19.625" style="95" customWidth="1"/>
    <col min="8" max="8" width="33.875" style="219" customWidth="1"/>
    <col min="9" max="32" width="4.875" style="219" customWidth="1"/>
    <col min="33" max="33" width="12" style="219" bestFit="1" customWidth="1"/>
    <col min="34" max="267" width="9" style="219"/>
    <col min="268" max="268" width="4.25" style="219" customWidth="1"/>
    <col min="269" max="269" width="25" style="219" customWidth="1"/>
    <col min="270" max="270" width="41.625" style="219" customWidth="1"/>
    <col min="271" max="271" width="19.625" style="219" customWidth="1"/>
    <col min="272" max="272" width="33.875" style="219" customWidth="1"/>
    <col min="273" max="273" width="25" style="219" customWidth="1"/>
    <col min="274" max="274" width="13.625" style="219" customWidth="1"/>
    <col min="275" max="288" width="4.875" style="219" customWidth="1"/>
    <col min="289" max="289" width="12" style="219" bestFit="1" customWidth="1"/>
    <col min="290" max="523" width="9" style="219"/>
    <col min="524" max="524" width="4.25" style="219" customWidth="1"/>
    <col min="525" max="525" width="25" style="219" customWidth="1"/>
    <col min="526" max="526" width="41.625" style="219" customWidth="1"/>
    <col min="527" max="527" width="19.625" style="219" customWidth="1"/>
    <col min="528" max="528" width="33.875" style="219" customWidth="1"/>
    <col min="529" max="529" width="25" style="219" customWidth="1"/>
    <col min="530" max="530" width="13.625" style="219" customWidth="1"/>
    <col min="531" max="544" width="4.875" style="219" customWidth="1"/>
    <col min="545" max="545" width="12" style="219" bestFit="1" customWidth="1"/>
    <col min="546" max="779" width="9" style="219"/>
    <col min="780" max="780" width="4.25" style="219" customWidth="1"/>
    <col min="781" max="781" width="25" style="219" customWidth="1"/>
    <col min="782" max="782" width="41.625" style="219" customWidth="1"/>
    <col min="783" max="783" width="19.625" style="219" customWidth="1"/>
    <col min="784" max="784" width="33.875" style="219" customWidth="1"/>
    <col min="785" max="785" width="25" style="219" customWidth="1"/>
    <col min="786" max="786" width="13.625" style="219" customWidth="1"/>
    <col min="787" max="800" width="4.875" style="219" customWidth="1"/>
    <col min="801" max="801" width="12" style="219" bestFit="1" customWidth="1"/>
    <col min="802" max="1035" width="9" style="219"/>
    <col min="1036" max="1036" width="4.25" style="219" customWidth="1"/>
    <col min="1037" max="1037" width="25" style="219" customWidth="1"/>
    <col min="1038" max="1038" width="41.625" style="219" customWidth="1"/>
    <col min="1039" max="1039" width="19.625" style="219" customWidth="1"/>
    <col min="1040" max="1040" width="33.875" style="219" customWidth="1"/>
    <col min="1041" max="1041" width="25" style="219" customWidth="1"/>
    <col min="1042" max="1042" width="13.625" style="219" customWidth="1"/>
    <col min="1043" max="1056" width="4.875" style="219" customWidth="1"/>
    <col min="1057" max="1057" width="12" style="219" bestFit="1" customWidth="1"/>
    <col min="1058" max="1291" width="9" style="219"/>
    <col min="1292" max="1292" width="4.25" style="219" customWidth="1"/>
    <col min="1293" max="1293" width="25" style="219" customWidth="1"/>
    <col min="1294" max="1294" width="41.625" style="219" customWidth="1"/>
    <col min="1295" max="1295" width="19.625" style="219" customWidth="1"/>
    <col min="1296" max="1296" width="33.875" style="219" customWidth="1"/>
    <col min="1297" max="1297" width="25" style="219" customWidth="1"/>
    <col min="1298" max="1298" width="13.625" style="219" customWidth="1"/>
    <col min="1299" max="1312" width="4.875" style="219" customWidth="1"/>
    <col min="1313" max="1313" width="12" style="219" bestFit="1" customWidth="1"/>
    <col min="1314" max="1547" width="9" style="219"/>
    <col min="1548" max="1548" width="4.25" style="219" customWidth="1"/>
    <col min="1549" max="1549" width="25" style="219" customWidth="1"/>
    <col min="1550" max="1550" width="41.625" style="219" customWidth="1"/>
    <col min="1551" max="1551" width="19.625" style="219" customWidth="1"/>
    <col min="1552" max="1552" width="33.875" style="219" customWidth="1"/>
    <col min="1553" max="1553" width="25" style="219" customWidth="1"/>
    <col min="1554" max="1554" width="13.625" style="219" customWidth="1"/>
    <col min="1555" max="1568" width="4.875" style="219" customWidth="1"/>
    <col min="1569" max="1569" width="12" style="219" bestFit="1" customWidth="1"/>
    <col min="1570" max="1803" width="9" style="219"/>
    <col min="1804" max="1804" width="4.25" style="219" customWidth="1"/>
    <col min="1805" max="1805" width="25" style="219" customWidth="1"/>
    <col min="1806" max="1806" width="41.625" style="219" customWidth="1"/>
    <col min="1807" max="1807" width="19.625" style="219" customWidth="1"/>
    <col min="1808" max="1808" width="33.875" style="219" customWidth="1"/>
    <col min="1809" max="1809" width="25" style="219" customWidth="1"/>
    <col min="1810" max="1810" width="13.625" style="219" customWidth="1"/>
    <col min="1811" max="1824" width="4.875" style="219" customWidth="1"/>
    <col min="1825" max="1825" width="12" style="219" bestFit="1" customWidth="1"/>
    <col min="1826" max="2059" width="9" style="219"/>
    <col min="2060" max="2060" width="4.25" style="219" customWidth="1"/>
    <col min="2061" max="2061" width="25" style="219" customWidth="1"/>
    <col min="2062" max="2062" width="41.625" style="219" customWidth="1"/>
    <col min="2063" max="2063" width="19.625" style="219" customWidth="1"/>
    <col min="2064" max="2064" width="33.875" style="219" customWidth="1"/>
    <col min="2065" max="2065" width="25" style="219" customWidth="1"/>
    <col min="2066" max="2066" width="13.625" style="219" customWidth="1"/>
    <col min="2067" max="2080" width="4.875" style="219" customWidth="1"/>
    <col min="2081" max="2081" width="12" style="219" bestFit="1" customWidth="1"/>
    <col min="2082" max="2315" width="9" style="219"/>
    <col min="2316" max="2316" width="4.25" style="219" customWidth="1"/>
    <col min="2317" max="2317" width="25" style="219" customWidth="1"/>
    <col min="2318" max="2318" width="41.625" style="219" customWidth="1"/>
    <col min="2319" max="2319" width="19.625" style="219" customWidth="1"/>
    <col min="2320" max="2320" width="33.875" style="219" customWidth="1"/>
    <col min="2321" max="2321" width="25" style="219" customWidth="1"/>
    <col min="2322" max="2322" width="13.625" style="219" customWidth="1"/>
    <col min="2323" max="2336" width="4.875" style="219" customWidth="1"/>
    <col min="2337" max="2337" width="12" style="219" bestFit="1" customWidth="1"/>
    <col min="2338" max="2571" width="9" style="219"/>
    <col min="2572" max="2572" width="4.25" style="219" customWidth="1"/>
    <col min="2573" max="2573" width="25" style="219" customWidth="1"/>
    <col min="2574" max="2574" width="41.625" style="219" customWidth="1"/>
    <col min="2575" max="2575" width="19.625" style="219" customWidth="1"/>
    <col min="2576" max="2576" width="33.875" style="219" customWidth="1"/>
    <col min="2577" max="2577" width="25" style="219" customWidth="1"/>
    <col min="2578" max="2578" width="13.625" style="219" customWidth="1"/>
    <col min="2579" max="2592" width="4.875" style="219" customWidth="1"/>
    <col min="2593" max="2593" width="12" style="219" bestFit="1" customWidth="1"/>
    <col min="2594" max="2827" width="9" style="219"/>
    <col min="2828" max="2828" width="4.25" style="219" customWidth="1"/>
    <col min="2829" max="2829" width="25" style="219" customWidth="1"/>
    <col min="2830" max="2830" width="41.625" style="219" customWidth="1"/>
    <col min="2831" max="2831" width="19.625" style="219" customWidth="1"/>
    <col min="2832" max="2832" width="33.875" style="219" customWidth="1"/>
    <col min="2833" max="2833" width="25" style="219" customWidth="1"/>
    <col min="2834" max="2834" width="13.625" style="219" customWidth="1"/>
    <col min="2835" max="2848" width="4.875" style="219" customWidth="1"/>
    <col min="2849" max="2849" width="12" style="219" bestFit="1" customWidth="1"/>
    <col min="2850" max="3083" width="9" style="219"/>
    <col min="3084" max="3084" width="4.25" style="219" customWidth="1"/>
    <col min="3085" max="3085" width="25" style="219" customWidth="1"/>
    <col min="3086" max="3086" width="41.625" style="219" customWidth="1"/>
    <col min="3087" max="3087" width="19.625" style="219" customWidth="1"/>
    <col min="3088" max="3088" width="33.875" style="219" customWidth="1"/>
    <col min="3089" max="3089" width="25" style="219" customWidth="1"/>
    <col min="3090" max="3090" width="13.625" style="219" customWidth="1"/>
    <col min="3091" max="3104" width="4.875" style="219" customWidth="1"/>
    <col min="3105" max="3105" width="12" style="219" bestFit="1" customWidth="1"/>
    <col min="3106" max="3339" width="9" style="219"/>
    <col min="3340" max="3340" width="4.25" style="219" customWidth="1"/>
    <col min="3341" max="3341" width="25" style="219" customWidth="1"/>
    <col min="3342" max="3342" width="41.625" style="219" customWidth="1"/>
    <col min="3343" max="3343" width="19.625" style="219" customWidth="1"/>
    <col min="3344" max="3344" width="33.875" style="219" customWidth="1"/>
    <col min="3345" max="3345" width="25" style="219" customWidth="1"/>
    <col min="3346" max="3346" width="13.625" style="219" customWidth="1"/>
    <col min="3347" max="3360" width="4.875" style="219" customWidth="1"/>
    <col min="3361" max="3361" width="12" style="219" bestFit="1" customWidth="1"/>
    <col min="3362" max="3595" width="9" style="219"/>
    <col min="3596" max="3596" width="4.25" style="219" customWidth="1"/>
    <col min="3597" max="3597" width="25" style="219" customWidth="1"/>
    <col min="3598" max="3598" width="41.625" style="219" customWidth="1"/>
    <col min="3599" max="3599" width="19.625" style="219" customWidth="1"/>
    <col min="3600" max="3600" width="33.875" style="219" customWidth="1"/>
    <col min="3601" max="3601" width="25" style="219" customWidth="1"/>
    <col min="3602" max="3602" width="13.625" style="219" customWidth="1"/>
    <col min="3603" max="3616" width="4.875" style="219" customWidth="1"/>
    <col min="3617" max="3617" width="12" style="219" bestFit="1" customWidth="1"/>
    <col min="3618" max="3851" width="9" style="219"/>
    <col min="3852" max="3852" width="4.25" style="219" customWidth="1"/>
    <col min="3853" max="3853" width="25" style="219" customWidth="1"/>
    <col min="3854" max="3854" width="41.625" style="219" customWidth="1"/>
    <col min="3855" max="3855" width="19.625" style="219" customWidth="1"/>
    <col min="3856" max="3856" width="33.875" style="219" customWidth="1"/>
    <col min="3857" max="3857" width="25" style="219" customWidth="1"/>
    <col min="3858" max="3858" width="13.625" style="219" customWidth="1"/>
    <col min="3859" max="3872" width="4.875" style="219" customWidth="1"/>
    <col min="3873" max="3873" width="12" style="219" bestFit="1" customWidth="1"/>
    <col min="3874" max="4107" width="9" style="219"/>
    <col min="4108" max="4108" width="4.25" style="219" customWidth="1"/>
    <col min="4109" max="4109" width="25" style="219" customWidth="1"/>
    <col min="4110" max="4110" width="41.625" style="219" customWidth="1"/>
    <col min="4111" max="4111" width="19.625" style="219" customWidth="1"/>
    <col min="4112" max="4112" width="33.875" style="219" customWidth="1"/>
    <col min="4113" max="4113" width="25" style="219" customWidth="1"/>
    <col min="4114" max="4114" width="13.625" style="219" customWidth="1"/>
    <col min="4115" max="4128" width="4.875" style="219" customWidth="1"/>
    <col min="4129" max="4129" width="12" style="219" bestFit="1" customWidth="1"/>
    <col min="4130" max="4363" width="9" style="219"/>
    <col min="4364" max="4364" width="4.25" style="219" customWidth="1"/>
    <col min="4365" max="4365" width="25" style="219" customWidth="1"/>
    <col min="4366" max="4366" width="41.625" style="219" customWidth="1"/>
    <col min="4367" max="4367" width="19.625" style="219" customWidth="1"/>
    <col min="4368" max="4368" width="33.875" style="219" customWidth="1"/>
    <col min="4369" max="4369" width="25" style="219" customWidth="1"/>
    <col min="4370" max="4370" width="13.625" style="219" customWidth="1"/>
    <col min="4371" max="4384" width="4.875" style="219" customWidth="1"/>
    <col min="4385" max="4385" width="12" style="219" bestFit="1" customWidth="1"/>
    <col min="4386" max="4619" width="9" style="219"/>
    <col min="4620" max="4620" width="4.25" style="219" customWidth="1"/>
    <col min="4621" max="4621" width="25" style="219" customWidth="1"/>
    <col min="4622" max="4622" width="41.625" style="219" customWidth="1"/>
    <col min="4623" max="4623" width="19.625" style="219" customWidth="1"/>
    <col min="4624" max="4624" width="33.875" style="219" customWidth="1"/>
    <col min="4625" max="4625" width="25" style="219" customWidth="1"/>
    <col min="4626" max="4626" width="13.625" style="219" customWidth="1"/>
    <col min="4627" max="4640" width="4.875" style="219" customWidth="1"/>
    <col min="4641" max="4641" width="12" style="219" bestFit="1" customWidth="1"/>
    <col min="4642" max="4875" width="9" style="219"/>
    <col min="4876" max="4876" width="4.25" style="219" customWidth="1"/>
    <col min="4877" max="4877" width="25" style="219" customWidth="1"/>
    <col min="4878" max="4878" width="41.625" style="219" customWidth="1"/>
    <col min="4879" max="4879" width="19.625" style="219" customWidth="1"/>
    <col min="4880" max="4880" width="33.875" style="219" customWidth="1"/>
    <col min="4881" max="4881" width="25" style="219" customWidth="1"/>
    <col min="4882" max="4882" width="13.625" style="219" customWidth="1"/>
    <col min="4883" max="4896" width="4.875" style="219" customWidth="1"/>
    <col min="4897" max="4897" width="12" style="219" bestFit="1" customWidth="1"/>
    <col min="4898" max="5131" width="9" style="219"/>
    <col min="5132" max="5132" width="4.25" style="219" customWidth="1"/>
    <col min="5133" max="5133" width="25" style="219" customWidth="1"/>
    <col min="5134" max="5134" width="41.625" style="219" customWidth="1"/>
    <col min="5135" max="5135" width="19.625" style="219" customWidth="1"/>
    <col min="5136" max="5136" width="33.875" style="219" customWidth="1"/>
    <col min="5137" max="5137" width="25" style="219" customWidth="1"/>
    <col min="5138" max="5138" width="13.625" style="219" customWidth="1"/>
    <col min="5139" max="5152" width="4.875" style="219" customWidth="1"/>
    <col min="5153" max="5153" width="12" style="219" bestFit="1" customWidth="1"/>
    <col min="5154" max="5387" width="9" style="219"/>
    <col min="5388" max="5388" width="4.25" style="219" customWidth="1"/>
    <col min="5389" max="5389" width="25" style="219" customWidth="1"/>
    <col min="5390" max="5390" width="41.625" style="219" customWidth="1"/>
    <col min="5391" max="5391" width="19.625" style="219" customWidth="1"/>
    <col min="5392" max="5392" width="33.875" style="219" customWidth="1"/>
    <col min="5393" max="5393" width="25" style="219" customWidth="1"/>
    <col min="5394" max="5394" width="13.625" style="219" customWidth="1"/>
    <col min="5395" max="5408" width="4.875" style="219" customWidth="1"/>
    <col min="5409" max="5409" width="12" style="219" bestFit="1" customWidth="1"/>
    <col min="5410" max="5643" width="9" style="219"/>
    <col min="5644" max="5644" width="4.25" style="219" customWidth="1"/>
    <col min="5645" max="5645" width="25" style="219" customWidth="1"/>
    <col min="5646" max="5646" width="41.625" style="219" customWidth="1"/>
    <col min="5647" max="5647" width="19.625" style="219" customWidth="1"/>
    <col min="5648" max="5648" width="33.875" style="219" customWidth="1"/>
    <col min="5649" max="5649" width="25" style="219" customWidth="1"/>
    <col min="5650" max="5650" width="13.625" style="219" customWidth="1"/>
    <col min="5651" max="5664" width="4.875" style="219" customWidth="1"/>
    <col min="5665" max="5665" width="12" style="219" bestFit="1" customWidth="1"/>
    <col min="5666" max="5899" width="9" style="219"/>
    <col min="5900" max="5900" width="4.25" style="219" customWidth="1"/>
    <col min="5901" max="5901" width="25" style="219" customWidth="1"/>
    <col min="5902" max="5902" width="41.625" style="219" customWidth="1"/>
    <col min="5903" max="5903" width="19.625" style="219" customWidth="1"/>
    <col min="5904" max="5904" width="33.875" style="219" customWidth="1"/>
    <col min="5905" max="5905" width="25" style="219" customWidth="1"/>
    <col min="5906" max="5906" width="13.625" style="219" customWidth="1"/>
    <col min="5907" max="5920" width="4.875" style="219" customWidth="1"/>
    <col min="5921" max="5921" width="12" style="219" bestFit="1" customWidth="1"/>
    <col min="5922" max="6155" width="9" style="219"/>
    <col min="6156" max="6156" width="4.25" style="219" customWidth="1"/>
    <col min="6157" max="6157" width="25" style="219" customWidth="1"/>
    <col min="6158" max="6158" width="41.625" style="219" customWidth="1"/>
    <col min="6159" max="6159" width="19.625" style="219" customWidth="1"/>
    <col min="6160" max="6160" width="33.875" style="219" customWidth="1"/>
    <col min="6161" max="6161" width="25" style="219" customWidth="1"/>
    <col min="6162" max="6162" width="13.625" style="219" customWidth="1"/>
    <col min="6163" max="6176" width="4.875" style="219" customWidth="1"/>
    <col min="6177" max="6177" width="12" style="219" bestFit="1" customWidth="1"/>
    <col min="6178" max="6411" width="9" style="219"/>
    <col min="6412" max="6412" width="4.25" style="219" customWidth="1"/>
    <col min="6413" max="6413" width="25" style="219" customWidth="1"/>
    <col min="6414" max="6414" width="41.625" style="219" customWidth="1"/>
    <col min="6415" max="6415" width="19.625" style="219" customWidth="1"/>
    <col min="6416" max="6416" width="33.875" style="219" customWidth="1"/>
    <col min="6417" max="6417" width="25" style="219" customWidth="1"/>
    <col min="6418" max="6418" width="13.625" style="219" customWidth="1"/>
    <col min="6419" max="6432" width="4.875" style="219" customWidth="1"/>
    <col min="6433" max="6433" width="12" style="219" bestFit="1" customWidth="1"/>
    <col min="6434" max="6667" width="9" style="219"/>
    <col min="6668" max="6668" width="4.25" style="219" customWidth="1"/>
    <col min="6669" max="6669" width="25" style="219" customWidth="1"/>
    <col min="6670" max="6670" width="41.625" style="219" customWidth="1"/>
    <col min="6671" max="6671" width="19.625" style="219" customWidth="1"/>
    <col min="6672" max="6672" width="33.875" style="219" customWidth="1"/>
    <col min="6673" max="6673" width="25" style="219" customWidth="1"/>
    <col min="6674" max="6674" width="13.625" style="219" customWidth="1"/>
    <col min="6675" max="6688" width="4.875" style="219" customWidth="1"/>
    <col min="6689" max="6689" width="12" style="219" bestFit="1" customWidth="1"/>
    <col min="6690" max="6923" width="9" style="219"/>
    <col min="6924" max="6924" width="4.25" style="219" customWidth="1"/>
    <col min="6925" max="6925" width="25" style="219" customWidth="1"/>
    <col min="6926" max="6926" width="41.625" style="219" customWidth="1"/>
    <col min="6927" max="6927" width="19.625" style="219" customWidth="1"/>
    <col min="6928" max="6928" width="33.875" style="219" customWidth="1"/>
    <col min="6929" max="6929" width="25" style="219" customWidth="1"/>
    <col min="6930" max="6930" width="13.625" style="219" customWidth="1"/>
    <col min="6931" max="6944" width="4.875" style="219" customWidth="1"/>
    <col min="6945" max="6945" width="12" style="219" bestFit="1" customWidth="1"/>
    <col min="6946" max="7179" width="9" style="219"/>
    <col min="7180" max="7180" width="4.25" style="219" customWidth="1"/>
    <col min="7181" max="7181" width="25" style="219" customWidth="1"/>
    <col min="7182" max="7182" width="41.625" style="219" customWidth="1"/>
    <col min="7183" max="7183" width="19.625" style="219" customWidth="1"/>
    <col min="7184" max="7184" width="33.875" style="219" customWidth="1"/>
    <col min="7185" max="7185" width="25" style="219" customWidth="1"/>
    <col min="7186" max="7186" width="13.625" style="219" customWidth="1"/>
    <col min="7187" max="7200" width="4.875" style="219" customWidth="1"/>
    <col min="7201" max="7201" width="12" style="219" bestFit="1" customWidth="1"/>
    <col min="7202" max="7435" width="9" style="219"/>
    <col min="7436" max="7436" width="4.25" style="219" customWidth="1"/>
    <col min="7437" max="7437" width="25" style="219" customWidth="1"/>
    <col min="7438" max="7438" width="41.625" style="219" customWidth="1"/>
    <col min="7439" max="7439" width="19.625" style="219" customWidth="1"/>
    <col min="7440" max="7440" width="33.875" style="219" customWidth="1"/>
    <col min="7441" max="7441" width="25" style="219" customWidth="1"/>
    <col min="7442" max="7442" width="13.625" style="219" customWidth="1"/>
    <col min="7443" max="7456" width="4.875" style="219" customWidth="1"/>
    <col min="7457" max="7457" width="12" style="219" bestFit="1" customWidth="1"/>
    <col min="7458" max="7691" width="9" style="219"/>
    <col min="7692" max="7692" width="4.25" style="219" customWidth="1"/>
    <col min="7693" max="7693" width="25" style="219" customWidth="1"/>
    <col min="7694" max="7694" width="41.625" style="219" customWidth="1"/>
    <col min="7695" max="7695" width="19.625" style="219" customWidth="1"/>
    <col min="7696" max="7696" width="33.875" style="219" customWidth="1"/>
    <col min="7697" max="7697" width="25" style="219" customWidth="1"/>
    <col min="7698" max="7698" width="13.625" style="219" customWidth="1"/>
    <col min="7699" max="7712" width="4.875" style="219" customWidth="1"/>
    <col min="7713" max="7713" width="12" style="219" bestFit="1" customWidth="1"/>
    <col min="7714" max="7947" width="9" style="219"/>
    <col min="7948" max="7948" width="4.25" style="219" customWidth="1"/>
    <col min="7949" max="7949" width="25" style="219" customWidth="1"/>
    <col min="7950" max="7950" width="41.625" style="219" customWidth="1"/>
    <col min="7951" max="7951" width="19.625" style="219" customWidth="1"/>
    <col min="7952" max="7952" width="33.875" style="219" customWidth="1"/>
    <col min="7953" max="7953" width="25" style="219" customWidth="1"/>
    <col min="7954" max="7954" width="13.625" style="219" customWidth="1"/>
    <col min="7955" max="7968" width="4.875" style="219" customWidth="1"/>
    <col min="7969" max="7969" width="12" style="219" bestFit="1" customWidth="1"/>
    <col min="7970" max="8203" width="9" style="219"/>
    <col min="8204" max="8204" width="4.25" style="219" customWidth="1"/>
    <col min="8205" max="8205" width="25" style="219" customWidth="1"/>
    <col min="8206" max="8206" width="41.625" style="219" customWidth="1"/>
    <col min="8207" max="8207" width="19.625" style="219" customWidth="1"/>
    <col min="8208" max="8208" width="33.875" style="219" customWidth="1"/>
    <col min="8209" max="8209" width="25" style="219" customWidth="1"/>
    <col min="8210" max="8210" width="13.625" style="219" customWidth="1"/>
    <col min="8211" max="8224" width="4.875" style="219" customWidth="1"/>
    <col min="8225" max="8225" width="12" style="219" bestFit="1" customWidth="1"/>
    <col min="8226" max="8459" width="9" style="219"/>
    <col min="8460" max="8460" width="4.25" style="219" customWidth="1"/>
    <col min="8461" max="8461" width="25" style="219" customWidth="1"/>
    <col min="8462" max="8462" width="41.625" style="219" customWidth="1"/>
    <col min="8463" max="8463" width="19.625" style="219" customWidth="1"/>
    <col min="8464" max="8464" width="33.875" style="219" customWidth="1"/>
    <col min="8465" max="8465" width="25" style="219" customWidth="1"/>
    <col min="8466" max="8466" width="13.625" style="219" customWidth="1"/>
    <col min="8467" max="8480" width="4.875" style="219" customWidth="1"/>
    <col min="8481" max="8481" width="12" style="219" bestFit="1" customWidth="1"/>
    <col min="8482" max="8715" width="9" style="219"/>
    <col min="8716" max="8716" width="4.25" style="219" customWidth="1"/>
    <col min="8717" max="8717" width="25" style="219" customWidth="1"/>
    <col min="8718" max="8718" width="41.625" style="219" customWidth="1"/>
    <col min="8719" max="8719" width="19.625" style="219" customWidth="1"/>
    <col min="8720" max="8720" width="33.875" style="219" customWidth="1"/>
    <col min="8721" max="8721" width="25" style="219" customWidth="1"/>
    <col min="8722" max="8722" width="13.625" style="219" customWidth="1"/>
    <col min="8723" max="8736" width="4.875" style="219" customWidth="1"/>
    <col min="8737" max="8737" width="12" style="219" bestFit="1" customWidth="1"/>
    <col min="8738" max="8971" width="9" style="219"/>
    <col min="8972" max="8972" width="4.25" style="219" customWidth="1"/>
    <col min="8973" max="8973" width="25" style="219" customWidth="1"/>
    <col min="8974" max="8974" width="41.625" style="219" customWidth="1"/>
    <col min="8975" max="8975" width="19.625" style="219" customWidth="1"/>
    <col min="8976" max="8976" width="33.875" style="219" customWidth="1"/>
    <col min="8977" max="8977" width="25" style="219" customWidth="1"/>
    <col min="8978" max="8978" width="13.625" style="219" customWidth="1"/>
    <col min="8979" max="8992" width="4.875" style="219" customWidth="1"/>
    <col min="8993" max="8993" width="12" style="219" bestFit="1" customWidth="1"/>
    <col min="8994" max="9227" width="9" style="219"/>
    <col min="9228" max="9228" width="4.25" style="219" customWidth="1"/>
    <col min="9229" max="9229" width="25" style="219" customWidth="1"/>
    <col min="9230" max="9230" width="41.625" style="219" customWidth="1"/>
    <col min="9231" max="9231" width="19.625" style="219" customWidth="1"/>
    <col min="9232" max="9232" width="33.875" style="219" customWidth="1"/>
    <col min="9233" max="9233" width="25" style="219" customWidth="1"/>
    <col min="9234" max="9234" width="13.625" style="219" customWidth="1"/>
    <col min="9235" max="9248" width="4.875" style="219" customWidth="1"/>
    <col min="9249" max="9249" width="12" style="219" bestFit="1" customWidth="1"/>
    <col min="9250" max="9483" width="9" style="219"/>
    <col min="9484" max="9484" width="4.25" style="219" customWidth="1"/>
    <col min="9485" max="9485" width="25" style="219" customWidth="1"/>
    <col min="9486" max="9486" width="41.625" style="219" customWidth="1"/>
    <col min="9487" max="9487" width="19.625" style="219" customWidth="1"/>
    <col min="9488" max="9488" width="33.875" style="219" customWidth="1"/>
    <col min="9489" max="9489" width="25" style="219" customWidth="1"/>
    <col min="9490" max="9490" width="13.625" style="219" customWidth="1"/>
    <col min="9491" max="9504" width="4.875" style="219" customWidth="1"/>
    <col min="9505" max="9505" width="12" style="219" bestFit="1" customWidth="1"/>
    <col min="9506" max="9739" width="9" style="219"/>
    <col min="9740" max="9740" width="4.25" style="219" customWidth="1"/>
    <col min="9741" max="9741" width="25" style="219" customWidth="1"/>
    <col min="9742" max="9742" width="41.625" style="219" customWidth="1"/>
    <col min="9743" max="9743" width="19.625" style="219" customWidth="1"/>
    <col min="9744" max="9744" width="33.875" style="219" customWidth="1"/>
    <col min="9745" max="9745" width="25" style="219" customWidth="1"/>
    <col min="9746" max="9746" width="13.625" style="219" customWidth="1"/>
    <col min="9747" max="9760" width="4.875" style="219" customWidth="1"/>
    <col min="9761" max="9761" width="12" style="219" bestFit="1" customWidth="1"/>
    <col min="9762" max="9995" width="9" style="219"/>
    <col min="9996" max="9996" width="4.25" style="219" customWidth="1"/>
    <col min="9997" max="9997" width="25" style="219" customWidth="1"/>
    <col min="9998" max="9998" width="41.625" style="219" customWidth="1"/>
    <col min="9999" max="9999" width="19.625" style="219" customWidth="1"/>
    <col min="10000" max="10000" width="33.875" style="219" customWidth="1"/>
    <col min="10001" max="10001" width="25" style="219" customWidth="1"/>
    <col min="10002" max="10002" width="13.625" style="219" customWidth="1"/>
    <col min="10003" max="10016" width="4.875" style="219" customWidth="1"/>
    <col min="10017" max="10017" width="12" style="219" bestFit="1" customWidth="1"/>
    <col min="10018" max="10251" width="9" style="219"/>
    <col min="10252" max="10252" width="4.25" style="219" customWidth="1"/>
    <col min="10253" max="10253" width="25" style="219" customWidth="1"/>
    <col min="10254" max="10254" width="41.625" style="219" customWidth="1"/>
    <col min="10255" max="10255" width="19.625" style="219" customWidth="1"/>
    <col min="10256" max="10256" width="33.875" style="219" customWidth="1"/>
    <col min="10257" max="10257" width="25" style="219" customWidth="1"/>
    <col min="10258" max="10258" width="13.625" style="219" customWidth="1"/>
    <col min="10259" max="10272" width="4.875" style="219" customWidth="1"/>
    <col min="10273" max="10273" width="12" style="219" bestFit="1" customWidth="1"/>
    <col min="10274" max="10507" width="9" style="219"/>
    <col min="10508" max="10508" width="4.25" style="219" customWidth="1"/>
    <col min="10509" max="10509" width="25" style="219" customWidth="1"/>
    <col min="10510" max="10510" width="41.625" style="219" customWidth="1"/>
    <col min="10511" max="10511" width="19.625" style="219" customWidth="1"/>
    <col min="10512" max="10512" width="33.875" style="219" customWidth="1"/>
    <col min="10513" max="10513" width="25" style="219" customWidth="1"/>
    <col min="10514" max="10514" width="13.625" style="219" customWidth="1"/>
    <col min="10515" max="10528" width="4.875" style="219" customWidth="1"/>
    <col min="10529" max="10529" width="12" style="219" bestFit="1" customWidth="1"/>
    <col min="10530" max="10763" width="9" style="219"/>
    <col min="10764" max="10764" width="4.25" style="219" customWidth="1"/>
    <col min="10765" max="10765" width="25" style="219" customWidth="1"/>
    <col min="10766" max="10766" width="41.625" style="219" customWidth="1"/>
    <col min="10767" max="10767" width="19.625" style="219" customWidth="1"/>
    <col min="10768" max="10768" width="33.875" style="219" customWidth="1"/>
    <col min="10769" max="10769" width="25" style="219" customWidth="1"/>
    <col min="10770" max="10770" width="13.625" style="219" customWidth="1"/>
    <col min="10771" max="10784" width="4.875" style="219" customWidth="1"/>
    <col min="10785" max="10785" width="12" style="219" bestFit="1" customWidth="1"/>
    <col min="10786" max="11019" width="9" style="219"/>
    <col min="11020" max="11020" width="4.25" style="219" customWidth="1"/>
    <col min="11021" max="11021" width="25" style="219" customWidth="1"/>
    <col min="11022" max="11022" width="41.625" style="219" customWidth="1"/>
    <col min="11023" max="11023" width="19.625" style="219" customWidth="1"/>
    <col min="11024" max="11024" width="33.875" style="219" customWidth="1"/>
    <col min="11025" max="11025" width="25" style="219" customWidth="1"/>
    <col min="11026" max="11026" width="13.625" style="219" customWidth="1"/>
    <col min="11027" max="11040" width="4.875" style="219" customWidth="1"/>
    <col min="11041" max="11041" width="12" style="219" bestFit="1" customWidth="1"/>
    <col min="11042" max="11275" width="9" style="219"/>
    <col min="11276" max="11276" width="4.25" style="219" customWidth="1"/>
    <col min="11277" max="11277" width="25" style="219" customWidth="1"/>
    <col min="11278" max="11278" width="41.625" style="219" customWidth="1"/>
    <col min="11279" max="11279" width="19.625" style="219" customWidth="1"/>
    <col min="11280" max="11280" width="33.875" style="219" customWidth="1"/>
    <col min="11281" max="11281" width="25" style="219" customWidth="1"/>
    <col min="11282" max="11282" width="13.625" style="219" customWidth="1"/>
    <col min="11283" max="11296" width="4.875" style="219" customWidth="1"/>
    <col min="11297" max="11297" width="12" style="219" bestFit="1" customWidth="1"/>
    <col min="11298" max="11531" width="9" style="219"/>
    <col min="11532" max="11532" width="4.25" style="219" customWidth="1"/>
    <col min="11533" max="11533" width="25" style="219" customWidth="1"/>
    <col min="11534" max="11534" width="41.625" style="219" customWidth="1"/>
    <col min="11535" max="11535" width="19.625" style="219" customWidth="1"/>
    <col min="11536" max="11536" width="33.875" style="219" customWidth="1"/>
    <col min="11537" max="11537" width="25" style="219" customWidth="1"/>
    <col min="11538" max="11538" width="13.625" style="219" customWidth="1"/>
    <col min="11539" max="11552" width="4.875" style="219" customWidth="1"/>
    <col min="11553" max="11553" width="12" style="219" bestFit="1" customWidth="1"/>
    <col min="11554" max="11787" width="9" style="219"/>
    <col min="11788" max="11788" width="4.25" style="219" customWidth="1"/>
    <col min="11789" max="11789" width="25" style="219" customWidth="1"/>
    <col min="11790" max="11790" width="41.625" style="219" customWidth="1"/>
    <col min="11791" max="11791" width="19.625" style="219" customWidth="1"/>
    <col min="11792" max="11792" width="33.875" style="219" customWidth="1"/>
    <col min="11793" max="11793" width="25" style="219" customWidth="1"/>
    <col min="11794" max="11794" width="13.625" style="219" customWidth="1"/>
    <col min="11795" max="11808" width="4.875" style="219" customWidth="1"/>
    <col min="11809" max="11809" width="12" style="219" bestFit="1" customWidth="1"/>
    <col min="11810" max="12043" width="9" style="219"/>
    <col min="12044" max="12044" width="4.25" style="219" customWidth="1"/>
    <col min="12045" max="12045" width="25" style="219" customWidth="1"/>
    <col min="12046" max="12046" width="41.625" style="219" customWidth="1"/>
    <col min="12047" max="12047" width="19.625" style="219" customWidth="1"/>
    <col min="12048" max="12048" width="33.875" style="219" customWidth="1"/>
    <col min="12049" max="12049" width="25" style="219" customWidth="1"/>
    <col min="12050" max="12050" width="13.625" style="219" customWidth="1"/>
    <col min="12051" max="12064" width="4.875" style="219" customWidth="1"/>
    <col min="12065" max="12065" width="12" style="219" bestFit="1" customWidth="1"/>
    <col min="12066" max="12299" width="9" style="219"/>
    <col min="12300" max="12300" width="4.25" style="219" customWidth="1"/>
    <col min="12301" max="12301" width="25" style="219" customWidth="1"/>
    <col min="12302" max="12302" width="41.625" style="219" customWidth="1"/>
    <col min="12303" max="12303" width="19.625" style="219" customWidth="1"/>
    <col min="12304" max="12304" width="33.875" style="219" customWidth="1"/>
    <col min="12305" max="12305" width="25" style="219" customWidth="1"/>
    <col min="12306" max="12306" width="13.625" style="219" customWidth="1"/>
    <col min="12307" max="12320" width="4.875" style="219" customWidth="1"/>
    <col min="12321" max="12321" width="12" style="219" bestFit="1" customWidth="1"/>
    <col min="12322" max="12555" width="9" style="219"/>
    <col min="12556" max="12556" width="4.25" style="219" customWidth="1"/>
    <col min="12557" max="12557" width="25" style="219" customWidth="1"/>
    <col min="12558" max="12558" width="41.625" style="219" customWidth="1"/>
    <col min="12559" max="12559" width="19.625" style="219" customWidth="1"/>
    <col min="12560" max="12560" width="33.875" style="219" customWidth="1"/>
    <col min="12561" max="12561" width="25" style="219" customWidth="1"/>
    <col min="12562" max="12562" width="13.625" style="219" customWidth="1"/>
    <col min="12563" max="12576" width="4.875" style="219" customWidth="1"/>
    <col min="12577" max="12577" width="12" style="219" bestFit="1" customWidth="1"/>
    <col min="12578" max="12811" width="9" style="219"/>
    <col min="12812" max="12812" width="4.25" style="219" customWidth="1"/>
    <col min="12813" max="12813" width="25" style="219" customWidth="1"/>
    <col min="12814" max="12814" width="41.625" style="219" customWidth="1"/>
    <col min="12815" max="12815" width="19.625" style="219" customWidth="1"/>
    <col min="12816" max="12816" width="33.875" style="219" customWidth="1"/>
    <col min="12817" max="12817" width="25" style="219" customWidth="1"/>
    <col min="12818" max="12818" width="13.625" style="219" customWidth="1"/>
    <col min="12819" max="12832" width="4.875" style="219" customWidth="1"/>
    <col min="12833" max="12833" width="12" style="219" bestFit="1" customWidth="1"/>
    <col min="12834" max="13067" width="9" style="219"/>
    <col min="13068" max="13068" width="4.25" style="219" customWidth="1"/>
    <col min="13069" max="13069" width="25" style="219" customWidth="1"/>
    <col min="13070" max="13070" width="41.625" style="219" customWidth="1"/>
    <col min="13071" max="13071" width="19.625" style="219" customWidth="1"/>
    <col min="13072" max="13072" width="33.875" style="219" customWidth="1"/>
    <col min="13073" max="13073" width="25" style="219" customWidth="1"/>
    <col min="13074" max="13074" width="13.625" style="219" customWidth="1"/>
    <col min="13075" max="13088" width="4.875" style="219" customWidth="1"/>
    <col min="13089" max="13089" width="12" style="219" bestFit="1" customWidth="1"/>
    <col min="13090" max="13323" width="9" style="219"/>
    <col min="13324" max="13324" width="4.25" style="219" customWidth="1"/>
    <col min="13325" max="13325" width="25" style="219" customWidth="1"/>
    <col min="13326" max="13326" width="41.625" style="219" customWidth="1"/>
    <col min="13327" max="13327" width="19.625" style="219" customWidth="1"/>
    <col min="13328" max="13328" width="33.875" style="219" customWidth="1"/>
    <col min="13329" max="13329" width="25" style="219" customWidth="1"/>
    <col min="13330" max="13330" width="13.625" style="219" customWidth="1"/>
    <col min="13331" max="13344" width="4.875" style="219" customWidth="1"/>
    <col min="13345" max="13345" width="12" style="219" bestFit="1" customWidth="1"/>
    <col min="13346" max="13579" width="9" style="219"/>
    <col min="13580" max="13580" width="4.25" style="219" customWidth="1"/>
    <col min="13581" max="13581" width="25" style="219" customWidth="1"/>
    <col min="13582" max="13582" width="41.625" style="219" customWidth="1"/>
    <col min="13583" max="13583" width="19.625" style="219" customWidth="1"/>
    <col min="13584" max="13584" width="33.875" style="219" customWidth="1"/>
    <col min="13585" max="13585" width="25" style="219" customWidth="1"/>
    <col min="13586" max="13586" width="13.625" style="219" customWidth="1"/>
    <col min="13587" max="13600" width="4.875" style="219" customWidth="1"/>
    <col min="13601" max="13601" width="12" style="219" bestFit="1" customWidth="1"/>
    <col min="13602" max="13835" width="9" style="219"/>
    <col min="13836" max="13836" width="4.25" style="219" customWidth="1"/>
    <col min="13837" max="13837" width="25" style="219" customWidth="1"/>
    <col min="13838" max="13838" width="41.625" style="219" customWidth="1"/>
    <col min="13839" max="13839" width="19.625" style="219" customWidth="1"/>
    <col min="13840" max="13840" width="33.875" style="219" customWidth="1"/>
    <col min="13841" max="13841" width="25" style="219" customWidth="1"/>
    <col min="13842" max="13842" width="13.625" style="219" customWidth="1"/>
    <col min="13843" max="13856" width="4.875" style="219" customWidth="1"/>
    <col min="13857" max="13857" width="12" style="219" bestFit="1" customWidth="1"/>
    <col min="13858" max="14091" width="9" style="219"/>
    <col min="14092" max="14092" width="4.25" style="219" customWidth="1"/>
    <col min="14093" max="14093" width="25" style="219" customWidth="1"/>
    <col min="14094" max="14094" width="41.625" style="219" customWidth="1"/>
    <col min="14095" max="14095" width="19.625" style="219" customWidth="1"/>
    <col min="14096" max="14096" width="33.875" style="219" customWidth="1"/>
    <col min="14097" max="14097" width="25" style="219" customWidth="1"/>
    <col min="14098" max="14098" width="13.625" style="219" customWidth="1"/>
    <col min="14099" max="14112" width="4.875" style="219" customWidth="1"/>
    <col min="14113" max="14113" width="12" style="219" bestFit="1" customWidth="1"/>
    <col min="14114" max="14347" width="9" style="219"/>
    <col min="14348" max="14348" width="4.25" style="219" customWidth="1"/>
    <col min="14349" max="14349" width="25" style="219" customWidth="1"/>
    <col min="14350" max="14350" width="41.625" style="219" customWidth="1"/>
    <col min="14351" max="14351" width="19.625" style="219" customWidth="1"/>
    <col min="14352" max="14352" width="33.875" style="219" customWidth="1"/>
    <col min="14353" max="14353" width="25" style="219" customWidth="1"/>
    <col min="14354" max="14354" width="13.625" style="219" customWidth="1"/>
    <col min="14355" max="14368" width="4.875" style="219" customWidth="1"/>
    <col min="14369" max="14369" width="12" style="219" bestFit="1" customWidth="1"/>
    <col min="14370" max="14603" width="9" style="219"/>
    <col min="14604" max="14604" width="4.25" style="219" customWidth="1"/>
    <col min="14605" max="14605" width="25" style="219" customWidth="1"/>
    <col min="14606" max="14606" width="41.625" style="219" customWidth="1"/>
    <col min="14607" max="14607" width="19.625" style="219" customWidth="1"/>
    <col min="14608" max="14608" width="33.875" style="219" customWidth="1"/>
    <col min="14609" max="14609" width="25" style="219" customWidth="1"/>
    <col min="14610" max="14610" width="13.625" style="219" customWidth="1"/>
    <col min="14611" max="14624" width="4.875" style="219" customWidth="1"/>
    <col min="14625" max="14625" width="12" style="219" bestFit="1" customWidth="1"/>
    <col min="14626" max="14859" width="9" style="219"/>
    <col min="14860" max="14860" width="4.25" style="219" customWidth="1"/>
    <col min="14861" max="14861" width="25" style="219" customWidth="1"/>
    <col min="14862" max="14862" width="41.625" style="219" customWidth="1"/>
    <col min="14863" max="14863" width="19.625" style="219" customWidth="1"/>
    <col min="14864" max="14864" width="33.875" style="219" customWidth="1"/>
    <col min="14865" max="14865" width="25" style="219" customWidth="1"/>
    <col min="14866" max="14866" width="13.625" style="219" customWidth="1"/>
    <col min="14867" max="14880" width="4.875" style="219" customWidth="1"/>
    <col min="14881" max="14881" width="12" style="219" bestFit="1" customWidth="1"/>
    <col min="14882" max="15115" width="9" style="219"/>
    <col min="15116" max="15116" width="4.25" style="219" customWidth="1"/>
    <col min="15117" max="15117" width="25" style="219" customWidth="1"/>
    <col min="15118" max="15118" width="41.625" style="219" customWidth="1"/>
    <col min="15119" max="15119" width="19.625" style="219" customWidth="1"/>
    <col min="15120" max="15120" width="33.875" style="219" customWidth="1"/>
    <col min="15121" max="15121" width="25" style="219" customWidth="1"/>
    <col min="15122" max="15122" width="13.625" style="219" customWidth="1"/>
    <col min="15123" max="15136" width="4.875" style="219" customWidth="1"/>
    <col min="15137" max="15137" width="12" style="219" bestFit="1" customWidth="1"/>
    <col min="15138" max="15371" width="9" style="219"/>
    <col min="15372" max="15372" width="4.25" style="219" customWidth="1"/>
    <col min="15373" max="15373" width="25" style="219" customWidth="1"/>
    <col min="15374" max="15374" width="41.625" style="219" customWidth="1"/>
    <col min="15375" max="15375" width="19.625" style="219" customWidth="1"/>
    <col min="15376" max="15376" width="33.875" style="219" customWidth="1"/>
    <col min="15377" max="15377" width="25" style="219" customWidth="1"/>
    <col min="15378" max="15378" width="13.625" style="219" customWidth="1"/>
    <col min="15379" max="15392" width="4.875" style="219" customWidth="1"/>
    <col min="15393" max="15393" width="12" style="219" bestFit="1" customWidth="1"/>
    <col min="15394" max="15627" width="9" style="219"/>
    <col min="15628" max="15628" width="4.25" style="219" customWidth="1"/>
    <col min="15629" max="15629" width="25" style="219" customWidth="1"/>
    <col min="15630" max="15630" width="41.625" style="219" customWidth="1"/>
    <col min="15631" max="15631" width="19.625" style="219" customWidth="1"/>
    <col min="15632" max="15632" width="33.875" style="219" customWidth="1"/>
    <col min="15633" max="15633" width="25" style="219" customWidth="1"/>
    <col min="15634" max="15634" width="13.625" style="219" customWidth="1"/>
    <col min="15635" max="15648" width="4.875" style="219" customWidth="1"/>
    <col min="15649" max="15649" width="12" style="219" bestFit="1" customWidth="1"/>
    <col min="15650" max="15883" width="9" style="219"/>
    <col min="15884" max="15884" width="4.25" style="219" customWidth="1"/>
    <col min="15885" max="15885" width="25" style="219" customWidth="1"/>
    <col min="15886" max="15886" width="41.625" style="219" customWidth="1"/>
    <col min="15887" max="15887" width="19.625" style="219" customWidth="1"/>
    <col min="15888" max="15888" width="33.875" style="219" customWidth="1"/>
    <col min="15889" max="15889" width="25" style="219" customWidth="1"/>
    <col min="15890" max="15890" width="13.625" style="219" customWidth="1"/>
    <col min="15891" max="15904" width="4.875" style="219" customWidth="1"/>
    <col min="15905" max="15905" width="12" style="219" bestFit="1" customWidth="1"/>
    <col min="15906" max="16139" width="9" style="219"/>
    <col min="16140" max="16140" width="4.25" style="219" customWidth="1"/>
    <col min="16141" max="16141" width="25" style="219" customWidth="1"/>
    <col min="16142" max="16142" width="41.625" style="219" customWidth="1"/>
    <col min="16143" max="16143" width="19.625" style="219" customWidth="1"/>
    <col min="16144" max="16144" width="33.875" style="219" customWidth="1"/>
    <col min="16145" max="16145" width="25" style="219" customWidth="1"/>
    <col min="16146" max="16146" width="13.625" style="219" customWidth="1"/>
    <col min="16147" max="16160" width="4.875" style="219" customWidth="1"/>
    <col min="16161" max="16161" width="12" style="219" bestFit="1" customWidth="1"/>
    <col min="16162" max="16384" width="9" style="219"/>
  </cols>
  <sheetData>
    <row r="2" spans="1:33" ht="20.25" customHeight="1" x14ac:dyDescent="0.15">
      <c r="A2" s="86" t="s">
        <v>163</v>
      </c>
      <c r="B2" s="86"/>
      <c r="C2" s="198"/>
      <c r="D2" s="198"/>
      <c r="E2" s="198"/>
      <c r="F2" s="198"/>
      <c r="G2" s="96"/>
      <c r="H2" s="198"/>
      <c r="I2" s="198"/>
      <c r="J2" s="198"/>
      <c r="K2" s="198"/>
      <c r="L2" s="198"/>
      <c r="M2" s="198"/>
      <c r="N2" s="198"/>
      <c r="O2" s="198"/>
      <c r="P2" s="198"/>
      <c r="Q2" s="198"/>
      <c r="R2" s="198"/>
      <c r="S2" s="198"/>
      <c r="T2" s="198"/>
      <c r="U2" s="198"/>
      <c r="V2" s="198"/>
      <c r="W2" s="198"/>
      <c r="X2" s="198"/>
      <c r="Y2" s="198"/>
      <c r="Z2" s="198"/>
      <c r="AA2" s="198"/>
      <c r="AB2" s="198"/>
      <c r="AC2" s="198"/>
      <c r="AD2" s="198"/>
      <c r="AE2" s="198"/>
      <c r="AF2" s="198"/>
    </row>
    <row r="3" spans="1:33" ht="20.25" customHeight="1" x14ac:dyDescent="0.15">
      <c r="A3" s="278" t="s">
        <v>2</v>
      </c>
      <c r="B3" s="278"/>
      <c r="C3" s="278"/>
      <c r="D3" s="278"/>
      <c r="E3" s="278"/>
      <c r="F3" s="278"/>
      <c r="G3" s="278"/>
      <c r="H3" s="278"/>
      <c r="I3" s="278"/>
      <c r="J3" s="278"/>
      <c r="K3" s="278"/>
      <c r="L3" s="278"/>
      <c r="M3" s="278"/>
      <c r="N3" s="278"/>
      <c r="O3" s="278"/>
      <c r="P3" s="278"/>
      <c r="Q3" s="278"/>
      <c r="R3" s="278"/>
      <c r="S3" s="278"/>
      <c r="T3" s="278"/>
      <c r="U3" s="278"/>
      <c r="V3" s="278"/>
      <c r="W3" s="278"/>
      <c r="X3" s="278"/>
      <c r="Y3" s="278"/>
      <c r="Z3" s="278"/>
      <c r="AA3" s="278"/>
      <c r="AB3" s="278"/>
      <c r="AC3" s="278"/>
      <c r="AD3" s="278"/>
      <c r="AE3" s="278"/>
      <c r="AF3" s="278"/>
    </row>
    <row r="4" spans="1:33" ht="20.25" customHeight="1" x14ac:dyDescent="0.15">
      <c r="A4" s="111"/>
      <c r="B4" s="111"/>
      <c r="C4" s="198"/>
      <c r="D4" s="198"/>
      <c r="E4" s="198"/>
      <c r="F4" s="198"/>
      <c r="G4" s="96"/>
      <c r="H4" s="198"/>
      <c r="I4" s="198"/>
      <c r="J4" s="198"/>
      <c r="K4" s="198"/>
      <c r="L4" s="198"/>
      <c r="M4" s="198"/>
      <c r="N4" s="198"/>
      <c r="O4" s="198"/>
      <c r="P4" s="198"/>
      <c r="Q4" s="198"/>
      <c r="R4" s="198"/>
      <c r="S4" s="198"/>
      <c r="T4" s="198"/>
      <c r="U4" s="198"/>
      <c r="V4" s="198"/>
      <c r="W4" s="198"/>
      <c r="X4" s="198"/>
      <c r="Y4" s="198"/>
      <c r="Z4" s="198"/>
      <c r="AA4" s="198"/>
      <c r="AB4" s="198"/>
      <c r="AC4" s="198"/>
      <c r="AD4" s="198"/>
      <c r="AE4" s="198"/>
      <c r="AF4" s="198"/>
    </row>
    <row r="5" spans="1:33" ht="30" customHeight="1" x14ac:dyDescent="0.15">
      <c r="A5" s="111"/>
      <c r="B5" s="111"/>
      <c r="C5" s="198"/>
      <c r="D5" s="198"/>
      <c r="E5" s="198"/>
      <c r="F5" s="198"/>
      <c r="G5" s="96"/>
      <c r="H5" s="198"/>
      <c r="I5" s="198"/>
      <c r="J5" s="111"/>
      <c r="K5" s="111"/>
      <c r="L5" s="111"/>
      <c r="M5" s="111"/>
      <c r="N5" s="111"/>
      <c r="O5" s="111"/>
      <c r="P5" s="111"/>
      <c r="Q5" s="111"/>
      <c r="R5" s="111"/>
      <c r="S5" s="279" t="s">
        <v>161</v>
      </c>
      <c r="T5" s="280"/>
      <c r="U5" s="280"/>
      <c r="V5" s="281"/>
      <c r="W5" s="186"/>
      <c r="X5" s="187"/>
      <c r="Y5" s="187"/>
      <c r="Z5" s="187"/>
      <c r="AA5" s="187"/>
      <c r="AB5" s="187"/>
      <c r="AC5" s="187"/>
      <c r="AD5" s="187"/>
      <c r="AE5" s="187"/>
      <c r="AF5" s="201"/>
    </row>
    <row r="6" spans="1:33" ht="20.25" customHeight="1" x14ac:dyDescent="0.15">
      <c r="A6" s="111"/>
      <c r="B6" s="111"/>
      <c r="C6" s="198"/>
      <c r="D6" s="198"/>
      <c r="E6" s="198"/>
      <c r="F6" s="198"/>
      <c r="G6" s="96"/>
      <c r="H6" s="198"/>
      <c r="I6" s="198"/>
      <c r="J6" s="198"/>
      <c r="K6" s="198"/>
      <c r="L6" s="198"/>
      <c r="M6" s="198"/>
      <c r="N6" s="198"/>
      <c r="O6" s="198"/>
      <c r="P6" s="198"/>
      <c r="Q6" s="198"/>
      <c r="R6" s="198"/>
      <c r="S6" s="198"/>
      <c r="T6" s="198"/>
      <c r="U6" s="198"/>
      <c r="V6" s="198"/>
      <c r="W6" s="198"/>
      <c r="X6" s="198"/>
      <c r="Y6" s="198"/>
      <c r="Z6" s="198"/>
      <c r="AA6" s="198"/>
      <c r="AB6" s="198"/>
      <c r="AC6" s="198"/>
      <c r="AD6" s="198"/>
      <c r="AE6" s="198"/>
      <c r="AF6" s="198"/>
    </row>
    <row r="7" spans="1:33" ht="18" customHeight="1" x14ac:dyDescent="0.15">
      <c r="A7" s="279" t="s">
        <v>88</v>
      </c>
      <c r="B7" s="280"/>
      <c r="C7" s="281"/>
      <c r="D7" s="279" t="s">
        <v>3</v>
      </c>
      <c r="E7" s="281"/>
      <c r="F7" s="282" t="s">
        <v>89</v>
      </c>
      <c r="G7" s="283"/>
      <c r="H7" s="279" t="s">
        <v>90</v>
      </c>
      <c r="I7" s="280"/>
      <c r="J7" s="280"/>
      <c r="K7" s="280"/>
      <c r="L7" s="280"/>
      <c r="M7" s="280"/>
      <c r="N7" s="280"/>
      <c r="O7" s="280"/>
      <c r="P7" s="280"/>
      <c r="Q7" s="280"/>
      <c r="R7" s="280"/>
      <c r="S7" s="280"/>
      <c r="T7" s="280"/>
      <c r="U7" s="280"/>
      <c r="V7" s="280"/>
      <c r="W7" s="280"/>
      <c r="X7" s="281"/>
      <c r="Y7" s="279" t="s">
        <v>167</v>
      </c>
      <c r="Z7" s="280"/>
      <c r="AA7" s="280"/>
      <c r="AB7" s="281"/>
      <c r="AC7" s="279" t="s">
        <v>91</v>
      </c>
      <c r="AD7" s="280"/>
      <c r="AE7" s="280"/>
      <c r="AF7" s="281"/>
    </row>
    <row r="8" spans="1:33" ht="18.75" customHeight="1" x14ac:dyDescent="0.15">
      <c r="A8" s="264" t="s">
        <v>92</v>
      </c>
      <c r="B8" s="265"/>
      <c r="C8" s="266"/>
      <c r="D8" s="202"/>
      <c r="E8" s="120"/>
      <c r="F8" s="118"/>
      <c r="G8" s="185"/>
      <c r="H8" s="270" t="s">
        <v>93</v>
      </c>
      <c r="I8" s="217" t="s">
        <v>212</v>
      </c>
      <c r="J8" s="103" t="s">
        <v>175</v>
      </c>
      <c r="K8" s="124"/>
      <c r="L8" s="124"/>
      <c r="M8" s="217" t="s">
        <v>212</v>
      </c>
      <c r="N8" s="103" t="s">
        <v>176</v>
      </c>
      <c r="O8" s="124"/>
      <c r="P8" s="124"/>
      <c r="Q8" s="217" t="s">
        <v>212</v>
      </c>
      <c r="R8" s="103" t="s">
        <v>177</v>
      </c>
      <c r="S8" s="124"/>
      <c r="T8" s="124"/>
      <c r="U8" s="217" t="s">
        <v>212</v>
      </c>
      <c r="V8" s="103" t="s">
        <v>178</v>
      </c>
      <c r="W8" s="124"/>
      <c r="X8" s="128"/>
      <c r="Y8" s="272"/>
      <c r="Z8" s="273"/>
      <c r="AA8" s="273"/>
      <c r="AB8" s="274"/>
      <c r="AC8" s="272"/>
      <c r="AD8" s="273"/>
      <c r="AE8" s="273"/>
      <c r="AF8" s="274"/>
    </row>
    <row r="9" spans="1:33" ht="18.75" customHeight="1" x14ac:dyDescent="0.15">
      <c r="A9" s="267"/>
      <c r="B9" s="268"/>
      <c r="C9" s="269"/>
      <c r="D9" s="204"/>
      <c r="E9" s="122"/>
      <c r="F9" s="121"/>
      <c r="G9" s="153"/>
      <c r="H9" s="271"/>
      <c r="I9" s="170" t="s">
        <v>212</v>
      </c>
      <c r="J9" s="91" t="s">
        <v>179</v>
      </c>
      <c r="K9" s="116"/>
      <c r="L9" s="116"/>
      <c r="M9" s="182" t="s">
        <v>212</v>
      </c>
      <c r="N9" s="91" t="s">
        <v>180</v>
      </c>
      <c r="O9" s="116"/>
      <c r="P9" s="116"/>
      <c r="Q9" s="182" t="s">
        <v>212</v>
      </c>
      <c r="R9" s="91" t="s">
        <v>181</v>
      </c>
      <c r="S9" s="116"/>
      <c r="T9" s="116"/>
      <c r="U9" s="182" t="s">
        <v>212</v>
      </c>
      <c r="V9" s="91" t="s">
        <v>182</v>
      </c>
      <c r="W9" s="116"/>
      <c r="X9" s="117"/>
      <c r="Y9" s="275"/>
      <c r="Z9" s="276"/>
      <c r="AA9" s="276"/>
      <c r="AB9" s="277"/>
      <c r="AC9" s="275"/>
      <c r="AD9" s="276"/>
      <c r="AE9" s="276"/>
      <c r="AF9" s="277"/>
    </row>
    <row r="10" spans="1:33" ht="18.75" customHeight="1" x14ac:dyDescent="0.15">
      <c r="A10" s="102"/>
      <c r="B10" s="203"/>
      <c r="C10" s="212"/>
      <c r="D10" s="223"/>
      <c r="E10" s="128"/>
      <c r="F10" s="223"/>
      <c r="G10" s="134"/>
      <c r="H10" s="113" t="s">
        <v>125</v>
      </c>
      <c r="I10" s="175" t="s">
        <v>212</v>
      </c>
      <c r="J10" s="133" t="s">
        <v>184</v>
      </c>
      <c r="K10" s="133"/>
      <c r="L10" s="222"/>
      <c r="M10" s="177" t="s">
        <v>212</v>
      </c>
      <c r="N10" s="133" t="s">
        <v>200</v>
      </c>
      <c r="O10" s="133"/>
      <c r="P10" s="222"/>
      <c r="Q10" s="177" t="s">
        <v>212</v>
      </c>
      <c r="R10" s="227" t="s">
        <v>201</v>
      </c>
      <c r="S10" s="227"/>
      <c r="T10" s="227"/>
      <c r="U10" s="227"/>
      <c r="V10" s="227"/>
      <c r="W10" s="227"/>
      <c r="X10" s="228"/>
      <c r="Y10" s="180" t="s">
        <v>212</v>
      </c>
      <c r="Z10" s="103" t="s">
        <v>183</v>
      </c>
      <c r="AA10" s="103"/>
      <c r="AB10" s="147"/>
      <c r="AC10" s="180" t="s">
        <v>212</v>
      </c>
      <c r="AD10" s="103" t="s">
        <v>183</v>
      </c>
      <c r="AE10" s="103"/>
      <c r="AF10" s="147"/>
      <c r="AG10" s="97"/>
    </row>
    <row r="11" spans="1:33" ht="18.75" customHeight="1" x14ac:dyDescent="0.15">
      <c r="A11" s="167"/>
      <c r="B11" s="157"/>
      <c r="C11" s="213"/>
      <c r="D11" s="226"/>
      <c r="E11" s="115"/>
      <c r="F11" s="226"/>
      <c r="G11" s="184"/>
      <c r="H11" s="218" t="s">
        <v>151</v>
      </c>
      <c r="I11" s="208" t="s">
        <v>212</v>
      </c>
      <c r="J11" s="138" t="s">
        <v>184</v>
      </c>
      <c r="K11" s="136"/>
      <c r="L11" s="217" t="s">
        <v>212</v>
      </c>
      <c r="M11" s="138" t="s">
        <v>196</v>
      </c>
      <c r="N11" s="207"/>
      <c r="O11" s="207"/>
      <c r="P11" s="207"/>
      <c r="Q11" s="207"/>
      <c r="R11" s="207"/>
      <c r="S11" s="207"/>
      <c r="T11" s="207"/>
      <c r="U11" s="207"/>
      <c r="V11" s="207"/>
      <c r="W11" s="207"/>
      <c r="X11" s="162"/>
      <c r="Y11" s="216" t="s">
        <v>212</v>
      </c>
      <c r="Z11" s="112" t="s">
        <v>188</v>
      </c>
      <c r="AA11" s="108"/>
      <c r="AB11" s="110"/>
      <c r="AC11" s="216" t="s">
        <v>212</v>
      </c>
      <c r="AD11" s="112" t="s">
        <v>188</v>
      </c>
      <c r="AE11" s="108"/>
      <c r="AF11" s="110"/>
      <c r="AG11" s="97"/>
    </row>
    <row r="12" spans="1:33" ht="18.75" customHeight="1" x14ac:dyDescent="0.15">
      <c r="A12" s="167"/>
      <c r="B12" s="157"/>
      <c r="C12" s="213"/>
      <c r="D12" s="226"/>
      <c r="E12" s="115"/>
      <c r="F12" s="226"/>
      <c r="G12" s="184"/>
      <c r="H12" s="262" t="s">
        <v>101</v>
      </c>
      <c r="I12" s="258" t="s">
        <v>212</v>
      </c>
      <c r="J12" s="256" t="s">
        <v>189</v>
      </c>
      <c r="K12" s="256"/>
      <c r="L12" s="256"/>
      <c r="M12" s="258" t="s">
        <v>212</v>
      </c>
      <c r="N12" s="256" t="s">
        <v>190</v>
      </c>
      <c r="O12" s="256"/>
      <c r="P12" s="256"/>
      <c r="Q12" s="145"/>
      <c r="R12" s="145"/>
      <c r="S12" s="145"/>
      <c r="T12" s="145"/>
      <c r="U12" s="145"/>
      <c r="V12" s="145"/>
      <c r="W12" s="145"/>
      <c r="X12" s="146"/>
      <c r="Y12" s="109"/>
      <c r="Z12" s="108"/>
      <c r="AA12" s="108"/>
      <c r="AB12" s="110"/>
      <c r="AC12" s="109"/>
      <c r="AD12" s="108"/>
      <c r="AE12" s="108"/>
      <c r="AF12" s="110"/>
      <c r="AG12" s="97"/>
    </row>
    <row r="13" spans="1:33" ht="18.75" customHeight="1" x14ac:dyDescent="0.15">
      <c r="A13" s="167"/>
      <c r="B13" s="157"/>
      <c r="C13" s="213"/>
      <c r="D13" s="226"/>
      <c r="E13" s="115"/>
      <c r="F13" s="226"/>
      <c r="G13" s="184"/>
      <c r="H13" s="263"/>
      <c r="I13" s="259"/>
      <c r="J13" s="257"/>
      <c r="K13" s="257"/>
      <c r="L13" s="257"/>
      <c r="M13" s="259"/>
      <c r="N13" s="257"/>
      <c r="O13" s="257"/>
      <c r="P13" s="257"/>
      <c r="Q13" s="131"/>
      <c r="R13" s="131"/>
      <c r="S13" s="131"/>
      <c r="T13" s="131"/>
      <c r="U13" s="131"/>
      <c r="V13" s="131"/>
      <c r="W13" s="131"/>
      <c r="X13" s="132"/>
      <c r="Y13" s="109"/>
      <c r="Z13" s="108"/>
      <c r="AA13" s="108"/>
      <c r="AB13" s="110"/>
      <c r="AC13" s="109"/>
      <c r="AD13" s="108"/>
      <c r="AE13" s="108"/>
      <c r="AF13" s="110"/>
      <c r="AG13" s="97"/>
    </row>
    <row r="14" spans="1:33" ht="18.75" customHeight="1" x14ac:dyDescent="0.15">
      <c r="A14" s="167"/>
      <c r="B14" s="157"/>
      <c r="C14" s="213"/>
      <c r="D14" s="226"/>
      <c r="E14" s="115"/>
      <c r="F14" s="226"/>
      <c r="G14" s="184"/>
      <c r="H14" s="114" t="s">
        <v>146</v>
      </c>
      <c r="I14" s="208" t="s">
        <v>212</v>
      </c>
      <c r="J14" s="138" t="s">
        <v>184</v>
      </c>
      <c r="K14" s="136"/>
      <c r="L14" s="217" t="s">
        <v>212</v>
      </c>
      <c r="M14" s="138" t="s">
        <v>196</v>
      </c>
      <c r="N14" s="207"/>
      <c r="O14" s="207"/>
      <c r="P14" s="207"/>
      <c r="Q14" s="207"/>
      <c r="R14" s="207"/>
      <c r="S14" s="207"/>
      <c r="T14" s="207"/>
      <c r="U14" s="207"/>
      <c r="V14" s="207"/>
      <c r="W14" s="207"/>
      <c r="X14" s="162"/>
      <c r="Y14" s="109"/>
      <c r="Z14" s="108"/>
      <c r="AA14" s="108"/>
      <c r="AB14" s="110"/>
      <c r="AC14" s="109"/>
      <c r="AD14" s="108"/>
      <c r="AE14" s="108"/>
      <c r="AF14" s="110"/>
    </row>
    <row r="15" spans="1:33" ht="18.75" customHeight="1" x14ac:dyDescent="0.15">
      <c r="A15" s="167"/>
      <c r="B15" s="157"/>
      <c r="C15" s="213"/>
      <c r="D15" s="226"/>
      <c r="E15" s="115"/>
      <c r="F15" s="226"/>
      <c r="G15" s="184"/>
      <c r="H15" s="114" t="s">
        <v>107</v>
      </c>
      <c r="I15" s="208" t="s">
        <v>212</v>
      </c>
      <c r="J15" s="138" t="s">
        <v>184</v>
      </c>
      <c r="K15" s="138"/>
      <c r="L15" s="173" t="s">
        <v>212</v>
      </c>
      <c r="M15" s="138" t="s">
        <v>185</v>
      </c>
      <c r="N15" s="138"/>
      <c r="O15" s="210" t="s">
        <v>212</v>
      </c>
      <c r="P15" s="138" t="s">
        <v>186</v>
      </c>
      <c r="Q15" s="207"/>
      <c r="R15" s="210" t="s">
        <v>212</v>
      </c>
      <c r="S15" s="138" t="s">
        <v>187</v>
      </c>
      <c r="T15" s="207"/>
      <c r="U15" s="207"/>
      <c r="V15" s="207"/>
      <c r="W15" s="207"/>
      <c r="X15" s="162"/>
      <c r="Y15" s="109"/>
      <c r="Z15" s="108"/>
      <c r="AA15" s="108"/>
      <c r="AB15" s="110"/>
      <c r="AC15" s="109"/>
      <c r="AD15" s="108"/>
      <c r="AE15" s="108"/>
      <c r="AF15" s="110"/>
    </row>
    <row r="16" spans="1:33" ht="18.75" customHeight="1" x14ac:dyDescent="0.15">
      <c r="A16" s="216" t="s">
        <v>212</v>
      </c>
      <c r="B16" s="157">
        <v>73</v>
      </c>
      <c r="C16" s="213" t="s">
        <v>72</v>
      </c>
      <c r="D16" s="216" t="s">
        <v>212</v>
      </c>
      <c r="E16" s="115" t="s">
        <v>231</v>
      </c>
      <c r="F16" s="226"/>
      <c r="G16" s="184"/>
      <c r="H16" s="114" t="s">
        <v>126</v>
      </c>
      <c r="I16" s="172" t="s">
        <v>212</v>
      </c>
      <c r="J16" s="138" t="s">
        <v>184</v>
      </c>
      <c r="K16" s="136"/>
      <c r="L16" s="173" t="s">
        <v>212</v>
      </c>
      <c r="M16" s="138" t="s">
        <v>196</v>
      </c>
      <c r="N16" s="207"/>
      <c r="O16" s="207"/>
      <c r="P16" s="207"/>
      <c r="Q16" s="207"/>
      <c r="R16" s="207"/>
      <c r="S16" s="207"/>
      <c r="T16" s="207"/>
      <c r="U16" s="207"/>
      <c r="V16" s="207"/>
      <c r="W16" s="207"/>
      <c r="X16" s="162"/>
      <c r="Y16" s="109"/>
      <c r="Z16" s="108"/>
      <c r="AA16" s="108"/>
      <c r="AB16" s="110"/>
      <c r="AC16" s="109"/>
      <c r="AD16" s="108"/>
      <c r="AE16" s="108"/>
      <c r="AF16" s="110"/>
    </row>
    <row r="17" spans="1:33" ht="18.75" customHeight="1" x14ac:dyDescent="0.15">
      <c r="A17" s="167"/>
      <c r="B17" s="157"/>
      <c r="C17" s="213"/>
      <c r="D17" s="216" t="s">
        <v>212</v>
      </c>
      <c r="E17" s="115" t="s">
        <v>232</v>
      </c>
      <c r="F17" s="226"/>
      <c r="G17" s="184"/>
      <c r="H17" s="114" t="s">
        <v>120</v>
      </c>
      <c r="I17" s="172" t="s">
        <v>212</v>
      </c>
      <c r="J17" s="138" t="s">
        <v>184</v>
      </c>
      <c r="K17" s="136"/>
      <c r="L17" s="173" t="s">
        <v>212</v>
      </c>
      <c r="M17" s="138" t="s">
        <v>196</v>
      </c>
      <c r="N17" s="207"/>
      <c r="O17" s="207"/>
      <c r="P17" s="207"/>
      <c r="Q17" s="207"/>
      <c r="R17" s="207"/>
      <c r="S17" s="207"/>
      <c r="T17" s="207"/>
      <c r="U17" s="207"/>
      <c r="V17" s="207"/>
      <c r="W17" s="207"/>
      <c r="X17" s="162"/>
      <c r="Y17" s="109"/>
      <c r="Z17" s="108"/>
      <c r="AA17" s="108"/>
      <c r="AB17" s="110"/>
      <c r="AC17" s="109"/>
      <c r="AD17" s="108"/>
      <c r="AE17" s="108"/>
      <c r="AF17" s="110"/>
    </row>
    <row r="18" spans="1:33" ht="18.75" customHeight="1" x14ac:dyDescent="0.15">
      <c r="A18" s="167"/>
      <c r="B18" s="157"/>
      <c r="C18" s="213"/>
      <c r="D18" s="226"/>
      <c r="E18" s="115" t="s">
        <v>233</v>
      </c>
      <c r="F18" s="226"/>
      <c r="G18" s="184"/>
      <c r="H18" s="114" t="s">
        <v>119</v>
      </c>
      <c r="I18" s="172" t="s">
        <v>212</v>
      </c>
      <c r="J18" s="138" t="s">
        <v>184</v>
      </c>
      <c r="K18" s="136"/>
      <c r="L18" s="173" t="s">
        <v>212</v>
      </c>
      <c r="M18" s="138" t="s">
        <v>196</v>
      </c>
      <c r="N18" s="207"/>
      <c r="O18" s="207"/>
      <c r="P18" s="207"/>
      <c r="Q18" s="207"/>
      <c r="R18" s="207"/>
      <c r="S18" s="207"/>
      <c r="T18" s="207"/>
      <c r="U18" s="207"/>
      <c r="V18" s="207"/>
      <c r="W18" s="207"/>
      <c r="X18" s="162"/>
      <c r="Y18" s="109"/>
      <c r="Z18" s="108"/>
      <c r="AA18" s="108"/>
      <c r="AB18" s="110"/>
      <c r="AC18" s="109"/>
      <c r="AD18" s="108"/>
      <c r="AE18" s="108"/>
      <c r="AF18" s="110"/>
    </row>
    <row r="19" spans="1:33" ht="18.75" customHeight="1" x14ac:dyDescent="0.15">
      <c r="A19" s="167"/>
      <c r="B19" s="157"/>
      <c r="C19" s="213"/>
      <c r="D19" s="226"/>
      <c r="E19" s="115"/>
      <c r="F19" s="226"/>
      <c r="G19" s="184"/>
      <c r="H19" s="218" t="s">
        <v>154</v>
      </c>
      <c r="I19" s="172" t="s">
        <v>212</v>
      </c>
      <c r="J19" s="138" t="s">
        <v>184</v>
      </c>
      <c r="K19" s="136"/>
      <c r="L19" s="173" t="s">
        <v>212</v>
      </c>
      <c r="M19" s="138" t="s">
        <v>196</v>
      </c>
      <c r="N19" s="207"/>
      <c r="O19" s="207"/>
      <c r="P19" s="207"/>
      <c r="Q19" s="207"/>
      <c r="R19" s="207"/>
      <c r="S19" s="207"/>
      <c r="T19" s="207"/>
      <c r="U19" s="207"/>
      <c r="V19" s="207"/>
      <c r="W19" s="207"/>
      <c r="X19" s="162"/>
      <c r="Y19" s="109"/>
      <c r="Z19" s="108"/>
      <c r="AA19" s="108"/>
      <c r="AB19" s="110"/>
      <c r="AC19" s="109"/>
      <c r="AD19" s="108"/>
      <c r="AE19" s="108"/>
      <c r="AF19" s="110"/>
    </row>
    <row r="20" spans="1:33" ht="18.75" customHeight="1" x14ac:dyDescent="0.15">
      <c r="A20" s="167"/>
      <c r="B20" s="157"/>
      <c r="C20" s="213"/>
      <c r="D20" s="226"/>
      <c r="E20" s="115"/>
      <c r="F20" s="226"/>
      <c r="G20" s="184"/>
      <c r="H20" s="114" t="s">
        <v>105</v>
      </c>
      <c r="I20" s="172" t="s">
        <v>212</v>
      </c>
      <c r="J20" s="138" t="s">
        <v>184</v>
      </c>
      <c r="K20" s="138"/>
      <c r="L20" s="173" t="s">
        <v>212</v>
      </c>
      <c r="M20" s="138" t="s">
        <v>191</v>
      </c>
      <c r="N20" s="138"/>
      <c r="O20" s="173" t="s">
        <v>212</v>
      </c>
      <c r="P20" s="138" t="s">
        <v>192</v>
      </c>
      <c r="Q20" s="207"/>
      <c r="R20" s="173" t="s">
        <v>212</v>
      </c>
      <c r="S20" s="138" t="s">
        <v>202</v>
      </c>
      <c r="T20" s="207"/>
      <c r="U20" s="207"/>
      <c r="V20" s="207"/>
      <c r="W20" s="207"/>
      <c r="X20" s="162"/>
      <c r="Y20" s="109"/>
      <c r="Z20" s="108"/>
      <c r="AA20" s="108"/>
      <c r="AB20" s="110"/>
      <c r="AC20" s="109"/>
      <c r="AD20" s="108"/>
      <c r="AE20" s="108"/>
      <c r="AF20" s="110"/>
    </row>
    <row r="21" spans="1:33" ht="18.75" customHeight="1" x14ac:dyDescent="0.15">
      <c r="A21" s="167"/>
      <c r="B21" s="157"/>
      <c r="C21" s="213"/>
      <c r="D21" s="226"/>
      <c r="E21" s="115"/>
      <c r="F21" s="226"/>
      <c r="G21" s="184"/>
      <c r="H21" s="114" t="s">
        <v>109</v>
      </c>
      <c r="I21" s="172" t="s">
        <v>212</v>
      </c>
      <c r="J21" s="138" t="s">
        <v>184</v>
      </c>
      <c r="K21" s="138"/>
      <c r="L21" s="173" t="s">
        <v>212</v>
      </c>
      <c r="M21" s="138" t="s">
        <v>191</v>
      </c>
      <c r="N21" s="138"/>
      <c r="O21" s="210" t="s">
        <v>212</v>
      </c>
      <c r="P21" s="138" t="s">
        <v>192</v>
      </c>
      <c r="Q21" s="138"/>
      <c r="R21" s="173" t="s">
        <v>212</v>
      </c>
      <c r="S21" s="138" t="s">
        <v>193</v>
      </c>
      <c r="T21" s="138"/>
      <c r="U21" s="126"/>
      <c r="V21" s="126"/>
      <c r="W21" s="126"/>
      <c r="X21" s="164"/>
      <c r="Y21" s="109"/>
      <c r="Z21" s="108"/>
      <c r="AA21" s="108"/>
      <c r="AB21" s="110"/>
      <c r="AC21" s="109"/>
      <c r="AD21" s="108"/>
      <c r="AE21" s="108"/>
      <c r="AF21" s="110"/>
    </row>
    <row r="22" spans="1:33" ht="18.75" customHeight="1" x14ac:dyDescent="0.15">
      <c r="A22" s="167"/>
      <c r="B22" s="157"/>
      <c r="C22" s="213"/>
      <c r="D22" s="226"/>
      <c r="E22" s="115"/>
      <c r="F22" s="226"/>
      <c r="G22" s="184"/>
      <c r="H22" s="220" t="s">
        <v>279</v>
      </c>
      <c r="I22" s="217" t="s">
        <v>212</v>
      </c>
      <c r="J22" s="140" t="s">
        <v>280</v>
      </c>
      <c r="K22" s="140"/>
      <c r="L22" s="217" t="s">
        <v>212</v>
      </c>
      <c r="M22" s="140" t="s">
        <v>281</v>
      </c>
      <c r="N22" s="140"/>
      <c r="O22" s="210" t="s">
        <v>212</v>
      </c>
      <c r="P22" s="140" t="s">
        <v>282</v>
      </c>
      <c r="Q22" s="140"/>
      <c r="R22" s="210"/>
      <c r="S22" s="140"/>
      <c r="T22" s="140"/>
      <c r="U22" s="129"/>
      <c r="V22" s="129"/>
      <c r="W22" s="129"/>
      <c r="X22" s="130"/>
      <c r="Y22" s="109"/>
      <c r="Z22" s="108"/>
      <c r="AA22" s="108"/>
      <c r="AB22" s="110"/>
      <c r="AC22" s="109"/>
      <c r="AD22" s="108"/>
      <c r="AE22" s="108"/>
      <c r="AF22" s="110"/>
    </row>
    <row r="23" spans="1:33" ht="18.75" customHeight="1" x14ac:dyDescent="0.15">
      <c r="A23" s="168"/>
      <c r="B23" s="205"/>
      <c r="C23" s="214"/>
      <c r="D23" s="221"/>
      <c r="E23" s="117"/>
      <c r="F23" s="221"/>
      <c r="G23" s="183"/>
      <c r="H23" s="236" t="s">
        <v>283</v>
      </c>
      <c r="I23" s="230" t="s">
        <v>212</v>
      </c>
      <c r="J23" s="239" t="s">
        <v>184</v>
      </c>
      <c r="K23" s="239"/>
      <c r="L23" s="232" t="s">
        <v>212</v>
      </c>
      <c r="M23" s="239" t="s">
        <v>196</v>
      </c>
      <c r="N23" s="239"/>
      <c r="O23" s="239"/>
      <c r="P23" s="239"/>
      <c r="Q23" s="240"/>
      <c r="R23" s="239"/>
      <c r="S23" s="239"/>
      <c r="T23" s="239"/>
      <c r="U23" s="241"/>
      <c r="V23" s="241"/>
      <c r="W23" s="241"/>
      <c r="X23" s="242"/>
      <c r="Y23" s="109"/>
      <c r="Z23" s="108"/>
      <c r="AA23" s="108"/>
      <c r="AB23" s="110"/>
      <c r="AC23" s="109"/>
      <c r="AD23" s="108"/>
      <c r="AE23" s="108"/>
      <c r="AF23" s="110"/>
    </row>
    <row r="24" spans="1:33" ht="18.75" customHeight="1" x14ac:dyDescent="0.15">
      <c r="A24" s="102"/>
      <c r="B24" s="203"/>
      <c r="C24" s="212"/>
      <c r="D24" s="223"/>
      <c r="E24" s="128"/>
      <c r="F24" s="223"/>
      <c r="G24" s="134"/>
      <c r="H24" s="113" t="s">
        <v>96</v>
      </c>
      <c r="I24" s="175" t="s">
        <v>212</v>
      </c>
      <c r="J24" s="133" t="s">
        <v>184</v>
      </c>
      <c r="K24" s="133"/>
      <c r="L24" s="222"/>
      <c r="M24" s="177" t="s">
        <v>212</v>
      </c>
      <c r="N24" s="133" t="s">
        <v>200</v>
      </c>
      <c r="O24" s="133"/>
      <c r="P24" s="222"/>
      <c r="Q24" s="177" t="s">
        <v>212</v>
      </c>
      <c r="R24" s="227" t="s">
        <v>201</v>
      </c>
      <c r="S24" s="227"/>
      <c r="T24" s="227"/>
      <c r="U24" s="227"/>
      <c r="V24" s="227"/>
      <c r="W24" s="227"/>
      <c r="X24" s="228"/>
      <c r="Y24" s="180" t="s">
        <v>212</v>
      </c>
      <c r="Z24" s="103" t="s">
        <v>183</v>
      </c>
      <c r="AA24" s="103"/>
      <c r="AB24" s="147"/>
      <c r="AC24" s="180" t="s">
        <v>212</v>
      </c>
      <c r="AD24" s="103" t="s">
        <v>183</v>
      </c>
      <c r="AE24" s="103"/>
      <c r="AF24" s="147"/>
      <c r="AG24" s="97"/>
    </row>
    <row r="25" spans="1:33" ht="18.75" customHeight="1" x14ac:dyDescent="0.15">
      <c r="A25" s="167"/>
      <c r="B25" s="157"/>
      <c r="C25" s="213"/>
      <c r="D25" s="226"/>
      <c r="E25" s="115"/>
      <c r="F25" s="226"/>
      <c r="G25" s="184"/>
      <c r="H25" s="262" t="s">
        <v>101</v>
      </c>
      <c r="I25" s="258" t="s">
        <v>212</v>
      </c>
      <c r="J25" s="256" t="s">
        <v>189</v>
      </c>
      <c r="K25" s="256"/>
      <c r="L25" s="256"/>
      <c r="M25" s="258" t="s">
        <v>212</v>
      </c>
      <c r="N25" s="256" t="s">
        <v>190</v>
      </c>
      <c r="O25" s="256"/>
      <c r="P25" s="256"/>
      <c r="Q25" s="145"/>
      <c r="R25" s="145"/>
      <c r="S25" s="145"/>
      <c r="T25" s="145"/>
      <c r="U25" s="145"/>
      <c r="V25" s="145"/>
      <c r="W25" s="145"/>
      <c r="X25" s="146"/>
      <c r="Y25" s="216" t="s">
        <v>212</v>
      </c>
      <c r="Z25" s="112" t="s">
        <v>188</v>
      </c>
      <c r="AA25" s="108"/>
      <c r="AB25" s="110"/>
      <c r="AC25" s="216" t="s">
        <v>212</v>
      </c>
      <c r="AD25" s="112" t="s">
        <v>188</v>
      </c>
      <c r="AE25" s="108"/>
      <c r="AF25" s="110"/>
      <c r="AG25" s="97"/>
    </row>
    <row r="26" spans="1:33" ht="18.75" customHeight="1" x14ac:dyDescent="0.15">
      <c r="A26" s="216" t="s">
        <v>212</v>
      </c>
      <c r="B26" s="157">
        <v>68</v>
      </c>
      <c r="C26" s="213" t="s">
        <v>234</v>
      </c>
      <c r="D26" s="216" t="s">
        <v>212</v>
      </c>
      <c r="E26" s="115" t="s">
        <v>231</v>
      </c>
      <c r="F26" s="226"/>
      <c r="G26" s="184"/>
      <c r="H26" s="263"/>
      <c r="I26" s="259"/>
      <c r="J26" s="257"/>
      <c r="K26" s="257"/>
      <c r="L26" s="257"/>
      <c r="M26" s="259"/>
      <c r="N26" s="257"/>
      <c r="O26" s="257"/>
      <c r="P26" s="257"/>
      <c r="Q26" s="131"/>
      <c r="R26" s="131"/>
      <c r="S26" s="131"/>
      <c r="T26" s="131"/>
      <c r="U26" s="131"/>
      <c r="V26" s="131"/>
      <c r="W26" s="131"/>
      <c r="X26" s="132"/>
      <c r="Y26" s="109"/>
      <c r="Z26" s="108"/>
      <c r="AA26" s="108"/>
      <c r="AB26" s="110"/>
      <c r="AC26" s="109"/>
      <c r="AD26" s="108"/>
      <c r="AE26" s="108"/>
      <c r="AF26" s="110"/>
      <c r="AG26" s="97"/>
    </row>
    <row r="27" spans="1:33" ht="18.75" customHeight="1" x14ac:dyDescent="0.15">
      <c r="A27" s="167"/>
      <c r="B27" s="157"/>
      <c r="C27" s="213" t="s">
        <v>235</v>
      </c>
      <c r="D27" s="216" t="s">
        <v>212</v>
      </c>
      <c r="E27" s="115" t="s">
        <v>232</v>
      </c>
      <c r="F27" s="226"/>
      <c r="G27" s="184"/>
      <c r="H27" s="114" t="s">
        <v>105</v>
      </c>
      <c r="I27" s="172" t="s">
        <v>212</v>
      </c>
      <c r="J27" s="138" t="s">
        <v>184</v>
      </c>
      <c r="K27" s="138"/>
      <c r="L27" s="173" t="s">
        <v>212</v>
      </c>
      <c r="M27" s="138" t="s">
        <v>191</v>
      </c>
      <c r="N27" s="138"/>
      <c r="O27" s="173" t="s">
        <v>212</v>
      </c>
      <c r="P27" s="138" t="s">
        <v>192</v>
      </c>
      <c r="Q27" s="207"/>
      <c r="R27" s="173" t="s">
        <v>212</v>
      </c>
      <c r="S27" s="138" t="s">
        <v>202</v>
      </c>
      <c r="T27" s="207"/>
      <c r="U27" s="207"/>
      <c r="V27" s="207"/>
      <c r="W27" s="207"/>
      <c r="X27" s="162"/>
      <c r="Y27" s="109"/>
      <c r="Z27" s="108"/>
      <c r="AA27" s="108"/>
      <c r="AB27" s="110"/>
      <c r="AC27" s="109"/>
      <c r="AD27" s="108"/>
      <c r="AE27" s="108"/>
      <c r="AF27" s="110"/>
    </row>
    <row r="28" spans="1:33" ht="18.75" customHeight="1" x14ac:dyDescent="0.15">
      <c r="A28" s="167"/>
      <c r="B28" s="157"/>
      <c r="C28" s="213"/>
      <c r="D28" s="226"/>
      <c r="E28" s="115" t="s">
        <v>233</v>
      </c>
      <c r="F28" s="226"/>
      <c r="G28" s="184"/>
      <c r="H28" s="114" t="s">
        <v>147</v>
      </c>
      <c r="I28" s="172" t="s">
        <v>212</v>
      </c>
      <c r="J28" s="138" t="s">
        <v>184</v>
      </c>
      <c r="K28" s="138"/>
      <c r="L28" s="173" t="s">
        <v>212</v>
      </c>
      <c r="M28" s="138" t="s">
        <v>191</v>
      </c>
      <c r="N28" s="138"/>
      <c r="O28" s="210" t="s">
        <v>212</v>
      </c>
      <c r="P28" s="138" t="s">
        <v>192</v>
      </c>
      <c r="Q28" s="138"/>
      <c r="R28" s="173" t="s">
        <v>212</v>
      </c>
      <c r="S28" s="138" t="s">
        <v>193</v>
      </c>
      <c r="T28" s="138"/>
      <c r="U28" s="126"/>
      <c r="V28" s="126"/>
      <c r="W28" s="126"/>
      <c r="X28" s="164"/>
      <c r="Y28" s="109"/>
      <c r="Z28" s="108"/>
      <c r="AA28" s="108"/>
      <c r="AB28" s="110"/>
      <c r="AC28" s="109"/>
      <c r="AD28" s="108"/>
      <c r="AE28" s="108"/>
      <c r="AF28" s="110"/>
    </row>
    <row r="29" spans="1:33" ht="18.75" customHeight="1" x14ac:dyDescent="0.15">
      <c r="A29" s="167"/>
      <c r="B29" s="157"/>
      <c r="C29" s="213"/>
      <c r="D29" s="226"/>
      <c r="E29" s="115"/>
      <c r="F29" s="226"/>
      <c r="G29" s="184"/>
      <c r="H29" s="220" t="s">
        <v>279</v>
      </c>
      <c r="I29" s="172" t="s">
        <v>212</v>
      </c>
      <c r="J29" s="140" t="s">
        <v>280</v>
      </c>
      <c r="K29" s="140"/>
      <c r="L29" s="173" t="s">
        <v>212</v>
      </c>
      <c r="M29" s="140" t="s">
        <v>281</v>
      </c>
      <c r="N29" s="140"/>
      <c r="O29" s="210" t="s">
        <v>212</v>
      </c>
      <c r="P29" s="140" t="s">
        <v>282</v>
      </c>
      <c r="Q29" s="140"/>
      <c r="R29" s="210"/>
      <c r="S29" s="140"/>
      <c r="T29" s="140"/>
      <c r="U29" s="129"/>
      <c r="V29" s="129"/>
      <c r="W29" s="129"/>
      <c r="X29" s="130"/>
      <c r="Y29" s="109"/>
      <c r="Z29" s="108"/>
      <c r="AA29" s="108"/>
      <c r="AB29" s="110"/>
      <c r="AC29" s="109"/>
      <c r="AD29" s="108"/>
      <c r="AE29" s="108"/>
      <c r="AF29" s="110"/>
    </row>
    <row r="30" spans="1:33" ht="18.75" customHeight="1" x14ac:dyDescent="0.15">
      <c r="A30" s="168"/>
      <c r="B30" s="205"/>
      <c r="C30" s="214"/>
      <c r="D30" s="221"/>
      <c r="E30" s="117"/>
      <c r="F30" s="221"/>
      <c r="G30" s="183"/>
      <c r="H30" s="236" t="s">
        <v>283</v>
      </c>
      <c r="I30" s="243" t="s">
        <v>212</v>
      </c>
      <c r="J30" s="231" t="s">
        <v>184</v>
      </c>
      <c r="K30" s="231"/>
      <c r="L30" s="237" t="s">
        <v>212</v>
      </c>
      <c r="M30" s="231" t="s">
        <v>196</v>
      </c>
      <c r="N30" s="231"/>
      <c r="O30" s="231"/>
      <c r="P30" s="231"/>
      <c r="Q30" s="235"/>
      <c r="R30" s="231"/>
      <c r="S30" s="231"/>
      <c r="T30" s="231"/>
      <c r="U30" s="233"/>
      <c r="V30" s="233"/>
      <c r="W30" s="233"/>
      <c r="X30" s="234"/>
      <c r="Y30" s="148"/>
      <c r="Z30" s="149"/>
      <c r="AA30" s="149"/>
      <c r="AB30" s="150"/>
      <c r="AC30" s="148"/>
      <c r="AD30" s="149"/>
      <c r="AE30" s="149"/>
      <c r="AF30" s="150"/>
    </row>
    <row r="31" spans="1:33" ht="18.75" customHeight="1" x14ac:dyDescent="0.15">
      <c r="A31" s="102"/>
      <c r="B31" s="203"/>
      <c r="C31" s="212"/>
      <c r="D31" s="223"/>
      <c r="E31" s="128"/>
      <c r="F31" s="223"/>
      <c r="G31" s="134"/>
      <c r="H31" s="113" t="s">
        <v>125</v>
      </c>
      <c r="I31" s="175" t="s">
        <v>212</v>
      </c>
      <c r="J31" s="133" t="s">
        <v>184</v>
      </c>
      <c r="K31" s="133"/>
      <c r="L31" s="222"/>
      <c r="M31" s="177" t="s">
        <v>212</v>
      </c>
      <c r="N31" s="133" t="s">
        <v>200</v>
      </c>
      <c r="O31" s="133"/>
      <c r="P31" s="222"/>
      <c r="Q31" s="177" t="s">
        <v>212</v>
      </c>
      <c r="R31" s="227" t="s">
        <v>201</v>
      </c>
      <c r="S31" s="227"/>
      <c r="T31" s="227"/>
      <c r="U31" s="227"/>
      <c r="V31" s="227"/>
      <c r="W31" s="227"/>
      <c r="X31" s="228"/>
      <c r="Y31" s="180" t="s">
        <v>212</v>
      </c>
      <c r="Z31" s="103" t="s">
        <v>183</v>
      </c>
      <c r="AA31" s="103"/>
      <c r="AB31" s="147"/>
      <c r="AC31" s="180" t="s">
        <v>212</v>
      </c>
      <c r="AD31" s="103" t="s">
        <v>183</v>
      </c>
      <c r="AE31" s="103"/>
      <c r="AF31" s="147"/>
      <c r="AG31" s="97"/>
    </row>
    <row r="32" spans="1:33" ht="18.75" customHeight="1" x14ac:dyDescent="0.15">
      <c r="A32" s="167"/>
      <c r="B32" s="157"/>
      <c r="C32" s="213"/>
      <c r="D32" s="226"/>
      <c r="E32" s="115"/>
      <c r="F32" s="226"/>
      <c r="G32" s="184"/>
      <c r="H32" s="114" t="s">
        <v>124</v>
      </c>
      <c r="I32" s="172" t="s">
        <v>212</v>
      </c>
      <c r="J32" s="138" t="s">
        <v>184</v>
      </c>
      <c r="K32" s="136"/>
      <c r="L32" s="173" t="s">
        <v>212</v>
      </c>
      <c r="M32" s="138" t="s">
        <v>196</v>
      </c>
      <c r="N32" s="207"/>
      <c r="O32" s="207"/>
      <c r="P32" s="207"/>
      <c r="Q32" s="207"/>
      <c r="R32" s="207"/>
      <c r="S32" s="207"/>
      <c r="T32" s="207"/>
      <c r="U32" s="207"/>
      <c r="V32" s="207"/>
      <c r="W32" s="207"/>
      <c r="X32" s="162"/>
      <c r="Y32" s="216" t="s">
        <v>212</v>
      </c>
      <c r="Z32" s="112" t="s">
        <v>188</v>
      </c>
      <c r="AA32" s="108"/>
      <c r="AB32" s="110"/>
      <c r="AC32" s="216" t="s">
        <v>212</v>
      </c>
      <c r="AD32" s="112" t="s">
        <v>188</v>
      </c>
      <c r="AE32" s="108"/>
      <c r="AF32" s="110"/>
      <c r="AG32" s="97"/>
    </row>
    <row r="33" spans="1:33" ht="18.75" customHeight="1" x14ac:dyDescent="0.15">
      <c r="A33" s="167"/>
      <c r="B33" s="157"/>
      <c r="C33" s="213"/>
      <c r="D33" s="226"/>
      <c r="E33" s="115"/>
      <c r="F33" s="226"/>
      <c r="G33" s="184"/>
      <c r="H33" s="262" t="s">
        <v>101</v>
      </c>
      <c r="I33" s="258" t="s">
        <v>212</v>
      </c>
      <c r="J33" s="256" t="s">
        <v>189</v>
      </c>
      <c r="K33" s="256"/>
      <c r="L33" s="256"/>
      <c r="M33" s="258" t="s">
        <v>212</v>
      </c>
      <c r="N33" s="256" t="s">
        <v>190</v>
      </c>
      <c r="O33" s="256"/>
      <c r="P33" s="256"/>
      <c r="Q33" s="145"/>
      <c r="R33" s="145"/>
      <c r="S33" s="145"/>
      <c r="T33" s="145"/>
      <c r="U33" s="145"/>
      <c r="V33" s="145"/>
      <c r="W33" s="145"/>
      <c r="X33" s="146"/>
      <c r="Y33" s="109"/>
      <c r="Z33" s="108"/>
      <c r="AA33" s="108"/>
      <c r="AB33" s="110"/>
      <c r="AC33" s="109"/>
      <c r="AD33" s="108"/>
      <c r="AE33" s="108"/>
      <c r="AF33" s="110"/>
      <c r="AG33" s="97"/>
    </row>
    <row r="34" spans="1:33" ht="18.75" customHeight="1" x14ac:dyDescent="0.15">
      <c r="A34" s="167"/>
      <c r="B34" s="157"/>
      <c r="C34" s="213"/>
      <c r="D34" s="216" t="s">
        <v>212</v>
      </c>
      <c r="E34" s="115" t="s">
        <v>247</v>
      </c>
      <c r="F34" s="226"/>
      <c r="G34" s="184"/>
      <c r="H34" s="263"/>
      <c r="I34" s="259"/>
      <c r="J34" s="257"/>
      <c r="K34" s="257"/>
      <c r="L34" s="257"/>
      <c r="M34" s="259"/>
      <c r="N34" s="257"/>
      <c r="O34" s="257"/>
      <c r="P34" s="257"/>
      <c r="Q34" s="131"/>
      <c r="R34" s="131"/>
      <c r="S34" s="131"/>
      <c r="T34" s="131"/>
      <c r="U34" s="131"/>
      <c r="V34" s="131"/>
      <c r="W34" s="131"/>
      <c r="X34" s="132"/>
      <c r="Y34" s="109"/>
      <c r="Z34" s="108"/>
      <c r="AA34" s="108"/>
      <c r="AB34" s="110"/>
      <c r="AC34" s="109"/>
      <c r="AD34" s="108"/>
      <c r="AE34" s="108"/>
      <c r="AF34" s="110"/>
      <c r="AG34" s="97"/>
    </row>
    <row r="35" spans="1:33" ht="18.75" customHeight="1" x14ac:dyDescent="0.15">
      <c r="A35" s="216" t="s">
        <v>212</v>
      </c>
      <c r="B35" s="157">
        <v>75</v>
      </c>
      <c r="C35" s="213" t="s">
        <v>249</v>
      </c>
      <c r="D35" s="216" t="s">
        <v>212</v>
      </c>
      <c r="E35" s="115" t="s">
        <v>248</v>
      </c>
      <c r="F35" s="226"/>
      <c r="G35" s="184"/>
      <c r="H35" s="114" t="s">
        <v>146</v>
      </c>
      <c r="I35" s="172" t="s">
        <v>212</v>
      </c>
      <c r="J35" s="138" t="s">
        <v>184</v>
      </c>
      <c r="K35" s="136"/>
      <c r="L35" s="173" t="s">
        <v>212</v>
      </c>
      <c r="M35" s="138" t="s">
        <v>196</v>
      </c>
      <c r="N35" s="207"/>
      <c r="O35" s="207"/>
      <c r="P35" s="207"/>
      <c r="Q35" s="207"/>
      <c r="R35" s="207"/>
      <c r="S35" s="207"/>
      <c r="T35" s="207"/>
      <c r="U35" s="207"/>
      <c r="V35" s="207"/>
      <c r="W35" s="207"/>
      <c r="X35" s="162"/>
      <c r="Y35" s="109"/>
      <c r="Z35" s="108"/>
      <c r="AA35" s="108"/>
      <c r="AB35" s="110"/>
      <c r="AC35" s="109"/>
      <c r="AD35" s="108"/>
      <c r="AE35" s="108"/>
      <c r="AF35" s="110"/>
    </row>
    <row r="36" spans="1:33" ht="18.75" customHeight="1" x14ac:dyDescent="0.15">
      <c r="A36" s="167"/>
      <c r="B36" s="157"/>
      <c r="C36" s="213" t="s">
        <v>250</v>
      </c>
      <c r="D36" s="226"/>
      <c r="E36" s="115" t="s">
        <v>233</v>
      </c>
      <c r="F36" s="226"/>
      <c r="G36" s="184"/>
      <c r="H36" s="114" t="s">
        <v>119</v>
      </c>
      <c r="I36" s="172" t="s">
        <v>212</v>
      </c>
      <c r="J36" s="138" t="s">
        <v>184</v>
      </c>
      <c r="K36" s="136"/>
      <c r="L36" s="173" t="s">
        <v>212</v>
      </c>
      <c r="M36" s="138" t="s">
        <v>196</v>
      </c>
      <c r="N36" s="207"/>
      <c r="O36" s="207"/>
      <c r="P36" s="207"/>
      <c r="Q36" s="207"/>
      <c r="R36" s="207"/>
      <c r="S36" s="207"/>
      <c r="T36" s="207"/>
      <c r="U36" s="207"/>
      <c r="V36" s="207"/>
      <c r="W36" s="207"/>
      <c r="X36" s="162"/>
      <c r="Y36" s="109"/>
      <c r="Z36" s="108"/>
      <c r="AA36" s="108"/>
      <c r="AB36" s="110"/>
      <c r="AC36" s="109"/>
      <c r="AD36" s="108"/>
      <c r="AE36" s="108"/>
      <c r="AF36" s="110"/>
    </row>
    <row r="37" spans="1:33" ht="18.75" customHeight="1" x14ac:dyDescent="0.15">
      <c r="A37" s="167"/>
      <c r="B37" s="157"/>
      <c r="C37" s="213"/>
      <c r="D37" s="226"/>
      <c r="E37" s="115"/>
      <c r="F37" s="226"/>
      <c r="G37" s="184"/>
      <c r="H37" s="218" t="s">
        <v>154</v>
      </c>
      <c r="I37" s="172" t="s">
        <v>212</v>
      </c>
      <c r="J37" s="138" t="s">
        <v>184</v>
      </c>
      <c r="K37" s="136"/>
      <c r="L37" s="173" t="s">
        <v>212</v>
      </c>
      <c r="M37" s="138" t="s">
        <v>196</v>
      </c>
      <c r="N37" s="207"/>
      <c r="O37" s="207"/>
      <c r="P37" s="207"/>
      <c r="Q37" s="207"/>
      <c r="R37" s="207"/>
      <c r="S37" s="207"/>
      <c r="T37" s="207"/>
      <c r="U37" s="207"/>
      <c r="V37" s="207"/>
      <c r="W37" s="207"/>
      <c r="X37" s="162"/>
      <c r="Y37" s="109"/>
      <c r="Z37" s="108"/>
      <c r="AA37" s="108"/>
      <c r="AB37" s="110"/>
      <c r="AC37" s="109"/>
      <c r="AD37" s="108"/>
      <c r="AE37" s="108"/>
      <c r="AF37" s="110"/>
    </row>
    <row r="38" spans="1:33" ht="18.75" customHeight="1" x14ac:dyDescent="0.15">
      <c r="A38" s="167"/>
      <c r="B38" s="157"/>
      <c r="C38" s="213"/>
      <c r="D38" s="226"/>
      <c r="E38" s="115"/>
      <c r="F38" s="226"/>
      <c r="G38" s="184"/>
      <c r="H38" s="114" t="s">
        <v>105</v>
      </c>
      <c r="I38" s="172" t="s">
        <v>212</v>
      </c>
      <c r="J38" s="138" t="s">
        <v>184</v>
      </c>
      <c r="K38" s="138"/>
      <c r="L38" s="173" t="s">
        <v>212</v>
      </c>
      <c r="M38" s="138" t="s">
        <v>191</v>
      </c>
      <c r="N38" s="138"/>
      <c r="O38" s="173" t="s">
        <v>212</v>
      </c>
      <c r="P38" s="138" t="s">
        <v>192</v>
      </c>
      <c r="Q38" s="207"/>
      <c r="R38" s="173" t="s">
        <v>212</v>
      </c>
      <c r="S38" s="138" t="s">
        <v>202</v>
      </c>
      <c r="T38" s="207"/>
      <c r="U38" s="207"/>
      <c r="V38" s="207"/>
      <c r="W38" s="207"/>
      <c r="X38" s="162"/>
      <c r="Y38" s="109"/>
      <c r="Z38" s="108"/>
      <c r="AA38" s="108"/>
      <c r="AB38" s="110"/>
      <c r="AC38" s="109"/>
      <c r="AD38" s="108"/>
      <c r="AE38" s="108"/>
      <c r="AF38" s="110"/>
    </row>
    <row r="39" spans="1:33" ht="18.75" customHeight="1" x14ac:dyDescent="0.15">
      <c r="A39" s="167"/>
      <c r="B39" s="157"/>
      <c r="C39" s="213"/>
      <c r="D39" s="226"/>
      <c r="E39" s="115"/>
      <c r="F39" s="226"/>
      <c r="G39" s="184"/>
      <c r="H39" s="114" t="s">
        <v>109</v>
      </c>
      <c r="I39" s="172" t="s">
        <v>212</v>
      </c>
      <c r="J39" s="138" t="s">
        <v>184</v>
      </c>
      <c r="K39" s="138"/>
      <c r="L39" s="173" t="s">
        <v>212</v>
      </c>
      <c r="M39" s="138" t="s">
        <v>191</v>
      </c>
      <c r="N39" s="138"/>
      <c r="O39" s="210" t="s">
        <v>212</v>
      </c>
      <c r="P39" s="138" t="s">
        <v>192</v>
      </c>
      <c r="Q39" s="138"/>
      <c r="R39" s="173" t="s">
        <v>212</v>
      </c>
      <c r="S39" s="138" t="s">
        <v>193</v>
      </c>
      <c r="T39" s="138"/>
      <c r="U39" s="126"/>
      <c r="V39" s="126"/>
      <c r="W39" s="126"/>
      <c r="X39" s="164"/>
      <c r="Y39" s="109"/>
      <c r="Z39" s="108"/>
      <c r="AA39" s="108"/>
      <c r="AB39" s="110"/>
      <c r="AC39" s="109"/>
      <c r="AD39" s="108"/>
      <c r="AE39" s="108"/>
      <c r="AF39" s="110"/>
    </row>
    <row r="40" spans="1:33" ht="18.75" customHeight="1" x14ac:dyDescent="0.15">
      <c r="A40" s="167"/>
      <c r="B40" s="157"/>
      <c r="C40" s="213"/>
      <c r="D40" s="226"/>
      <c r="E40" s="115"/>
      <c r="F40" s="226"/>
      <c r="G40" s="184"/>
      <c r="H40" s="220" t="s">
        <v>279</v>
      </c>
      <c r="I40" s="172" t="s">
        <v>212</v>
      </c>
      <c r="J40" s="140" t="s">
        <v>280</v>
      </c>
      <c r="K40" s="140"/>
      <c r="L40" s="217" t="s">
        <v>212</v>
      </c>
      <c r="M40" s="140" t="s">
        <v>281</v>
      </c>
      <c r="N40" s="140"/>
      <c r="O40" s="210" t="s">
        <v>212</v>
      </c>
      <c r="P40" s="140" t="s">
        <v>282</v>
      </c>
      <c r="Q40" s="140"/>
      <c r="R40" s="210"/>
      <c r="S40" s="140"/>
      <c r="T40" s="140"/>
      <c r="U40" s="129"/>
      <c r="V40" s="129"/>
      <c r="W40" s="129"/>
      <c r="X40" s="130"/>
      <c r="Y40" s="109"/>
      <c r="Z40" s="108"/>
      <c r="AA40" s="108"/>
      <c r="AB40" s="110"/>
      <c r="AC40" s="109"/>
      <c r="AD40" s="108"/>
      <c r="AE40" s="108"/>
      <c r="AF40" s="110"/>
    </row>
    <row r="41" spans="1:33" ht="18.75" customHeight="1" x14ac:dyDescent="0.15">
      <c r="A41" s="168"/>
      <c r="B41" s="205"/>
      <c r="C41" s="214"/>
      <c r="D41" s="221"/>
      <c r="E41" s="117"/>
      <c r="F41" s="221"/>
      <c r="G41" s="183"/>
      <c r="H41" s="236" t="s">
        <v>283</v>
      </c>
      <c r="I41" s="238" t="s">
        <v>212</v>
      </c>
      <c r="J41" s="239" t="s">
        <v>184</v>
      </c>
      <c r="K41" s="239"/>
      <c r="L41" s="232" t="s">
        <v>212</v>
      </c>
      <c r="M41" s="239" t="s">
        <v>196</v>
      </c>
      <c r="N41" s="239"/>
      <c r="O41" s="239"/>
      <c r="P41" s="239"/>
      <c r="Q41" s="240"/>
      <c r="R41" s="239"/>
      <c r="S41" s="239"/>
      <c r="T41" s="239"/>
      <c r="U41" s="241"/>
      <c r="V41" s="241"/>
      <c r="W41" s="241"/>
      <c r="X41" s="242"/>
      <c r="Y41" s="244"/>
      <c r="Z41" s="108"/>
      <c r="AA41" s="108"/>
      <c r="AB41" s="110"/>
      <c r="AC41" s="109"/>
      <c r="AD41" s="108"/>
      <c r="AE41" s="108"/>
      <c r="AF41" s="110"/>
    </row>
    <row r="42" spans="1:33" ht="18.75" customHeight="1" x14ac:dyDescent="0.15">
      <c r="A42" s="102"/>
      <c r="B42" s="203"/>
      <c r="C42" s="212"/>
      <c r="D42" s="223"/>
      <c r="E42" s="128"/>
      <c r="F42" s="223"/>
      <c r="G42" s="134"/>
      <c r="H42" s="113" t="s">
        <v>138</v>
      </c>
      <c r="I42" s="175" t="s">
        <v>212</v>
      </c>
      <c r="J42" s="133" t="s">
        <v>184</v>
      </c>
      <c r="K42" s="133"/>
      <c r="L42" s="222"/>
      <c r="M42" s="177" t="s">
        <v>212</v>
      </c>
      <c r="N42" s="133" t="s">
        <v>200</v>
      </c>
      <c r="O42" s="133"/>
      <c r="P42" s="222"/>
      <c r="Q42" s="177" t="s">
        <v>212</v>
      </c>
      <c r="R42" s="227" t="s">
        <v>201</v>
      </c>
      <c r="S42" s="227"/>
      <c r="T42" s="227"/>
      <c r="U42" s="227"/>
      <c r="V42" s="227"/>
      <c r="W42" s="227"/>
      <c r="X42" s="228"/>
      <c r="Y42" s="180" t="s">
        <v>212</v>
      </c>
      <c r="Z42" s="103" t="s">
        <v>183</v>
      </c>
      <c r="AA42" s="103"/>
      <c r="AB42" s="147"/>
      <c r="AC42" s="180" t="s">
        <v>212</v>
      </c>
      <c r="AD42" s="103" t="s">
        <v>183</v>
      </c>
      <c r="AE42" s="103"/>
      <c r="AF42" s="147"/>
      <c r="AG42" s="97"/>
    </row>
    <row r="43" spans="1:33" ht="18.75" customHeight="1" x14ac:dyDescent="0.15">
      <c r="A43" s="167"/>
      <c r="B43" s="157"/>
      <c r="C43" s="213" t="s">
        <v>249</v>
      </c>
      <c r="D43" s="216" t="s">
        <v>212</v>
      </c>
      <c r="E43" s="115" t="s">
        <v>247</v>
      </c>
      <c r="F43" s="226"/>
      <c r="G43" s="184"/>
      <c r="H43" s="262" t="s">
        <v>101</v>
      </c>
      <c r="I43" s="258" t="s">
        <v>212</v>
      </c>
      <c r="J43" s="256" t="s">
        <v>189</v>
      </c>
      <c r="K43" s="256"/>
      <c r="L43" s="256"/>
      <c r="M43" s="258" t="s">
        <v>212</v>
      </c>
      <c r="N43" s="256" t="s">
        <v>190</v>
      </c>
      <c r="O43" s="256"/>
      <c r="P43" s="256"/>
      <c r="Q43" s="145"/>
      <c r="R43" s="145"/>
      <c r="S43" s="145"/>
      <c r="T43" s="145"/>
      <c r="U43" s="145"/>
      <c r="V43" s="145"/>
      <c r="W43" s="145"/>
      <c r="X43" s="146"/>
      <c r="Y43" s="216" t="s">
        <v>212</v>
      </c>
      <c r="Z43" s="112" t="s">
        <v>188</v>
      </c>
      <c r="AA43" s="108"/>
      <c r="AB43" s="110"/>
      <c r="AC43" s="216" t="s">
        <v>212</v>
      </c>
      <c r="AD43" s="112" t="s">
        <v>188</v>
      </c>
      <c r="AE43" s="108"/>
      <c r="AF43" s="110"/>
      <c r="AG43" s="97"/>
    </row>
    <row r="44" spans="1:33" ht="18.75" customHeight="1" x14ac:dyDescent="0.15">
      <c r="A44" s="216" t="s">
        <v>212</v>
      </c>
      <c r="B44" s="157">
        <v>69</v>
      </c>
      <c r="C44" s="213" t="s">
        <v>250</v>
      </c>
      <c r="D44" s="216" t="s">
        <v>212</v>
      </c>
      <c r="E44" s="115" t="s">
        <v>248</v>
      </c>
      <c r="F44" s="226"/>
      <c r="G44" s="184"/>
      <c r="H44" s="263"/>
      <c r="I44" s="259"/>
      <c r="J44" s="257"/>
      <c r="K44" s="257"/>
      <c r="L44" s="257"/>
      <c r="M44" s="259"/>
      <c r="N44" s="257"/>
      <c r="O44" s="257"/>
      <c r="P44" s="257"/>
      <c r="Q44" s="131"/>
      <c r="R44" s="131"/>
      <c r="S44" s="131"/>
      <c r="T44" s="131"/>
      <c r="U44" s="131"/>
      <c r="V44" s="131"/>
      <c r="W44" s="131"/>
      <c r="X44" s="132"/>
      <c r="Y44" s="109"/>
      <c r="Z44" s="108"/>
      <c r="AA44" s="108"/>
      <c r="AB44" s="110"/>
      <c r="AC44" s="109"/>
      <c r="AD44" s="108"/>
      <c r="AE44" s="108"/>
      <c r="AF44" s="110"/>
      <c r="AG44" s="97"/>
    </row>
    <row r="45" spans="1:33" ht="18.75" customHeight="1" x14ac:dyDescent="0.15">
      <c r="A45" s="167"/>
      <c r="B45" s="157"/>
      <c r="C45" s="213" t="s">
        <v>235</v>
      </c>
      <c r="D45" s="226"/>
      <c r="E45" s="115" t="s">
        <v>233</v>
      </c>
      <c r="F45" s="226"/>
      <c r="G45" s="184"/>
      <c r="H45" s="114" t="s">
        <v>105</v>
      </c>
      <c r="I45" s="172" t="s">
        <v>212</v>
      </c>
      <c r="J45" s="138" t="s">
        <v>184</v>
      </c>
      <c r="K45" s="138"/>
      <c r="L45" s="173" t="s">
        <v>212</v>
      </c>
      <c r="M45" s="138" t="s">
        <v>191</v>
      </c>
      <c r="N45" s="138"/>
      <c r="O45" s="173" t="s">
        <v>212</v>
      </c>
      <c r="P45" s="138" t="s">
        <v>192</v>
      </c>
      <c r="Q45" s="207"/>
      <c r="R45" s="173" t="s">
        <v>212</v>
      </c>
      <c r="S45" s="138" t="s">
        <v>202</v>
      </c>
      <c r="T45" s="207"/>
      <c r="U45" s="207"/>
      <c r="V45" s="207"/>
      <c r="W45" s="207"/>
      <c r="X45" s="162"/>
      <c r="Y45" s="109"/>
      <c r="Z45" s="108"/>
      <c r="AA45" s="108"/>
      <c r="AB45" s="110"/>
      <c r="AC45" s="109"/>
      <c r="AD45" s="108"/>
      <c r="AE45" s="108"/>
      <c r="AF45" s="110"/>
    </row>
    <row r="46" spans="1:33" ht="18.75" customHeight="1" x14ac:dyDescent="0.15">
      <c r="A46" s="167"/>
      <c r="B46" s="157"/>
      <c r="C46" s="213"/>
      <c r="D46" s="226"/>
      <c r="E46" s="115"/>
      <c r="F46" s="226"/>
      <c r="G46" s="184"/>
      <c r="H46" s="114" t="s">
        <v>147</v>
      </c>
      <c r="I46" s="172" t="s">
        <v>212</v>
      </c>
      <c r="J46" s="138" t="s">
        <v>184</v>
      </c>
      <c r="K46" s="138"/>
      <c r="L46" s="173" t="s">
        <v>212</v>
      </c>
      <c r="M46" s="138" t="s">
        <v>191</v>
      </c>
      <c r="N46" s="138"/>
      <c r="O46" s="210" t="s">
        <v>212</v>
      </c>
      <c r="P46" s="138" t="s">
        <v>192</v>
      </c>
      <c r="Q46" s="138"/>
      <c r="R46" s="173" t="s">
        <v>212</v>
      </c>
      <c r="S46" s="138" t="s">
        <v>193</v>
      </c>
      <c r="T46" s="138"/>
      <c r="U46" s="126"/>
      <c r="V46" s="126"/>
      <c r="W46" s="126"/>
      <c r="X46" s="164"/>
      <c r="Y46" s="109"/>
      <c r="Z46" s="108"/>
      <c r="AA46" s="108"/>
      <c r="AB46" s="110"/>
      <c r="AC46" s="109"/>
      <c r="AD46" s="108"/>
      <c r="AE46" s="108"/>
      <c r="AF46" s="110"/>
    </row>
    <row r="47" spans="1:33" ht="18.75" customHeight="1" x14ac:dyDescent="0.15">
      <c r="A47" s="167"/>
      <c r="B47" s="157"/>
      <c r="C47" s="213"/>
      <c r="D47" s="226"/>
      <c r="E47" s="115"/>
      <c r="F47" s="226"/>
      <c r="G47" s="184"/>
      <c r="H47" s="220" t="s">
        <v>279</v>
      </c>
      <c r="I47" s="216" t="s">
        <v>212</v>
      </c>
      <c r="J47" s="140" t="s">
        <v>280</v>
      </c>
      <c r="K47" s="140"/>
      <c r="L47" s="173" t="s">
        <v>212</v>
      </c>
      <c r="M47" s="140" t="s">
        <v>281</v>
      </c>
      <c r="N47" s="140"/>
      <c r="O47" s="210" t="s">
        <v>212</v>
      </c>
      <c r="P47" s="140" t="s">
        <v>282</v>
      </c>
      <c r="Q47" s="140"/>
      <c r="R47" s="210"/>
      <c r="S47" s="140"/>
      <c r="T47" s="140"/>
      <c r="U47" s="129"/>
      <c r="V47" s="129"/>
      <c r="W47" s="129"/>
      <c r="X47" s="130"/>
      <c r="Y47" s="109"/>
      <c r="Z47" s="108"/>
      <c r="AA47" s="108"/>
      <c r="AB47" s="110"/>
      <c r="AC47" s="109"/>
      <c r="AD47" s="108"/>
      <c r="AE47" s="108"/>
      <c r="AF47" s="110"/>
    </row>
    <row r="48" spans="1:33" ht="18.75" customHeight="1" x14ac:dyDescent="0.15">
      <c r="A48" s="168"/>
      <c r="B48" s="205"/>
      <c r="C48" s="214"/>
      <c r="D48" s="221"/>
      <c r="E48" s="117"/>
      <c r="F48" s="221"/>
      <c r="G48" s="183"/>
      <c r="H48" s="236" t="s">
        <v>283</v>
      </c>
      <c r="I48" s="230" t="s">
        <v>212</v>
      </c>
      <c r="J48" s="231" t="s">
        <v>184</v>
      </c>
      <c r="K48" s="231"/>
      <c r="L48" s="237" t="s">
        <v>212</v>
      </c>
      <c r="M48" s="231" t="s">
        <v>196</v>
      </c>
      <c r="N48" s="231"/>
      <c r="O48" s="231"/>
      <c r="P48" s="231"/>
      <c r="Q48" s="235"/>
      <c r="R48" s="231"/>
      <c r="S48" s="231"/>
      <c r="T48" s="231"/>
      <c r="U48" s="233"/>
      <c r="V48" s="233"/>
      <c r="W48" s="233"/>
      <c r="X48" s="234"/>
      <c r="Y48" s="148"/>
      <c r="Z48" s="149"/>
      <c r="AA48" s="149"/>
      <c r="AB48" s="150"/>
      <c r="AC48" s="148"/>
      <c r="AD48" s="149"/>
      <c r="AE48" s="149"/>
      <c r="AF48" s="150"/>
    </row>
  </sheetData>
  <mergeCells count="32">
    <mergeCell ref="A3:AF3"/>
    <mergeCell ref="S5:V5"/>
    <mergeCell ref="A7:C7"/>
    <mergeCell ref="D7:E7"/>
    <mergeCell ref="F7:G7"/>
    <mergeCell ref="H7:X7"/>
    <mergeCell ref="Y7:AB7"/>
    <mergeCell ref="AC7:AF7"/>
    <mergeCell ref="A8:C9"/>
    <mergeCell ref="H8:H9"/>
    <mergeCell ref="Y8:AB9"/>
    <mergeCell ref="AC8:AF9"/>
    <mergeCell ref="H12:H13"/>
    <mergeCell ref="I12:I13"/>
    <mergeCell ref="J12:L13"/>
    <mergeCell ref="M12:M13"/>
    <mergeCell ref="N12:P13"/>
    <mergeCell ref="H25:H26"/>
    <mergeCell ref="I25:I26"/>
    <mergeCell ref="J25:L26"/>
    <mergeCell ref="M25:M26"/>
    <mergeCell ref="N25:P26"/>
    <mergeCell ref="H33:H34"/>
    <mergeCell ref="I33:I34"/>
    <mergeCell ref="J33:L34"/>
    <mergeCell ref="M33:M34"/>
    <mergeCell ref="N33:P34"/>
    <mergeCell ref="H43:H44"/>
    <mergeCell ref="I43:I44"/>
    <mergeCell ref="J43:L44"/>
    <mergeCell ref="M43:M44"/>
    <mergeCell ref="N43:P44"/>
  </mergeCells>
  <phoneticPr fontId="3"/>
  <dataValidations count="1">
    <dataValidation type="list" allowBlank="1" showInputMessage="1" showErrorMessage="1" sqref="U8:U9 M8:M10 Q8:Q10 L11 L14:L23 O15 R15 R20:R22 M12:M13 M24:M26 Q24 L27:L30 R27:R29 O27:O29 M31 Q31 L32 L35:L41 M33:M34 R38:R40 M42:M44 Q42 L45:L48 O38:O40 R45:R47 O45:O47 Y10:Y11 Y24:Y25 Y31:Y32 Y42:Y43 AC10:AC11 AC24:AC25 AC31:AC32 AC42:AC43 D16:D17 D26:D27 D34:D35 D43:D44 A16 A26 A35 A44 O20:O22 I8:I48" xr:uid="{00000000-0002-0000-0300-000000000000}">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44" fitToHeight="0" orientation="landscape" cellComments="asDisplayed" r:id="rId1"/>
  <headerFooter alignWithMargins="0"/>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tabColor rgb="FFFFFF00"/>
    <pageSetUpPr fitToPage="1"/>
  </sheetPr>
  <dimension ref="A2:AG60"/>
  <sheetViews>
    <sheetView view="pageBreakPreview" topLeftCell="A10" zoomScale="70" zoomScaleNormal="70" zoomScaleSheetLayoutView="70" workbookViewId="0">
      <selection activeCell="A3" sqref="A3:AF3"/>
    </sheetView>
  </sheetViews>
  <sheetFormatPr defaultRowHeight="20.25" customHeight="1" x14ac:dyDescent="0.15"/>
  <cols>
    <col min="1" max="2" width="4.25" style="225" customWidth="1"/>
    <col min="3" max="3" width="25" style="219" customWidth="1"/>
    <col min="4" max="4" width="4.875" style="219" customWidth="1"/>
    <col min="5" max="5" width="41.625" style="219" customWidth="1"/>
    <col min="6" max="6" width="4.875" style="219" customWidth="1"/>
    <col min="7" max="7" width="19.625" style="95" customWidth="1"/>
    <col min="8" max="8" width="33.875" style="219" customWidth="1"/>
    <col min="9" max="32" width="4.875" style="219" customWidth="1"/>
    <col min="33" max="33" width="12" style="219" bestFit="1" customWidth="1"/>
    <col min="34" max="267" width="9" style="219"/>
    <col min="268" max="268" width="4.25" style="219" customWidth="1"/>
    <col min="269" max="269" width="25" style="219" customWidth="1"/>
    <col min="270" max="270" width="41.625" style="219" customWidth="1"/>
    <col min="271" max="271" width="19.625" style="219" customWidth="1"/>
    <col min="272" max="272" width="33.875" style="219" customWidth="1"/>
    <col min="273" max="273" width="25" style="219" customWidth="1"/>
    <col min="274" max="274" width="13.625" style="219" customWidth="1"/>
    <col min="275" max="288" width="4.875" style="219" customWidth="1"/>
    <col min="289" max="289" width="12" style="219" bestFit="1" customWidth="1"/>
    <col min="290" max="523" width="9" style="219"/>
    <col min="524" max="524" width="4.25" style="219" customWidth="1"/>
    <col min="525" max="525" width="25" style="219" customWidth="1"/>
    <col min="526" max="526" width="41.625" style="219" customWidth="1"/>
    <col min="527" max="527" width="19.625" style="219" customWidth="1"/>
    <col min="528" max="528" width="33.875" style="219" customWidth="1"/>
    <col min="529" max="529" width="25" style="219" customWidth="1"/>
    <col min="530" max="530" width="13.625" style="219" customWidth="1"/>
    <col min="531" max="544" width="4.875" style="219" customWidth="1"/>
    <col min="545" max="545" width="12" style="219" bestFit="1" customWidth="1"/>
    <col min="546" max="779" width="9" style="219"/>
    <col min="780" max="780" width="4.25" style="219" customWidth="1"/>
    <col min="781" max="781" width="25" style="219" customWidth="1"/>
    <col min="782" max="782" width="41.625" style="219" customWidth="1"/>
    <col min="783" max="783" width="19.625" style="219" customWidth="1"/>
    <col min="784" max="784" width="33.875" style="219" customWidth="1"/>
    <col min="785" max="785" width="25" style="219" customWidth="1"/>
    <col min="786" max="786" width="13.625" style="219" customWidth="1"/>
    <col min="787" max="800" width="4.875" style="219" customWidth="1"/>
    <col min="801" max="801" width="12" style="219" bestFit="1" customWidth="1"/>
    <col min="802" max="1035" width="9" style="219"/>
    <col min="1036" max="1036" width="4.25" style="219" customWidth="1"/>
    <col min="1037" max="1037" width="25" style="219" customWidth="1"/>
    <col min="1038" max="1038" width="41.625" style="219" customWidth="1"/>
    <col min="1039" max="1039" width="19.625" style="219" customWidth="1"/>
    <col min="1040" max="1040" width="33.875" style="219" customWidth="1"/>
    <col min="1041" max="1041" width="25" style="219" customWidth="1"/>
    <col min="1042" max="1042" width="13.625" style="219" customWidth="1"/>
    <col min="1043" max="1056" width="4.875" style="219" customWidth="1"/>
    <col min="1057" max="1057" width="12" style="219" bestFit="1" customWidth="1"/>
    <col min="1058" max="1291" width="9" style="219"/>
    <col min="1292" max="1292" width="4.25" style="219" customWidth="1"/>
    <col min="1293" max="1293" width="25" style="219" customWidth="1"/>
    <col min="1294" max="1294" width="41.625" style="219" customWidth="1"/>
    <col min="1295" max="1295" width="19.625" style="219" customWidth="1"/>
    <col min="1296" max="1296" width="33.875" style="219" customWidth="1"/>
    <col min="1297" max="1297" width="25" style="219" customWidth="1"/>
    <col min="1298" max="1298" width="13.625" style="219" customWidth="1"/>
    <col min="1299" max="1312" width="4.875" style="219" customWidth="1"/>
    <col min="1313" max="1313" width="12" style="219" bestFit="1" customWidth="1"/>
    <col min="1314" max="1547" width="9" style="219"/>
    <col min="1548" max="1548" width="4.25" style="219" customWidth="1"/>
    <col min="1549" max="1549" width="25" style="219" customWidth="1"/>
    <col min="1550" max="1550" width="41.625" style="219" customWidth="1"/>
    <col min="1551" max="1551" width="19.625" style="219" customWidth="1"/>
    <col min="1552" max="1552" width="33.875" style="219" customWidth="1"/>
    <col min="1553" max="1553" width="25" style="219" customWidth="1"/>
    <col min="1554" max="1554" width="13.625" style="219" customWidth="1"/>
    <col min="1555" max="1568" width="4.875" style="219" customWidth="1"/>
    <col min="1569" max="1569" width="12" style="219" bestFit="1" customWidth="1"/>
    <col min="1570" max="1803" width="9" style="219"/>
    <col min="1804" max="1804" width="4.25" style="219" customWidth="1"/>
    <col min="1805" max="1805" width="25" style="219" customWidth="1"/>
    <col min="1806" max="1806" width="41.625" style="219" customWidth="1"/>
    <col min="1807" max="1807" width="19.625" style="219" customWidth="1"/>
    <col min="1808" max="1808" width="33.875" style="219" customWidth="1"/>
    <col min="1809" max="1809" width="25" style="219" customWidth="1"/>
    <col min="1810" max="1810" width="13.625" style="219" customWidth="1"/>
    <col min="1811" max="1824" width="4.875" style="219" customWidth="1"/>
    <col min="1825" max="1825" width="12" style="219" bestFit="1" customWidth="1"/>
    <col min="1826" max="2059" width="9" style="219"/>
    <col min="2060" max="2060" width="4.25" style="219" customWidth="1"/>
    <col min="2061" max="2061" width="25" style="219" customWidth="1"/>
    <col min="2062" max="2062" width="41.625" style="219" customWidth="1"/>
    <col min="2063" max="2063" width="19.625" style="219" customWidth="1"/>
    <col min="2064" max="2064" width="33.875" style="219" customWidth="1"/>
    <col min="2065" max="2065" width="25" style="219" customWidth="1"/>
    <col min="2066" max="2066" width="13.625" style="219" customWidth="1"/>
    <col min="2067" max="2080" width="4.875" style="219" customWidth="1"/>
    <col min="2081" max="2081" width="12" style="219" bestFit="1" customWidth="1"/>
    <col min="2082" max="2315" width="9" style="219"/>
    <col min="2316" max="2316" width="4.25" style="219" customWidth="1"/>
    <col min="2317" max="2317" width="25" style="219" customWidth="1"/>
    <col min="2318" max="2318" width="41.625" style="219" customWidth="1"/>
    <col min="2319" max="2319" width="19.625" style="219" customWidth="1"/>
    <col min="2320" max="2320" width="33.875" style="219" customWidth="1"/>
    <col min="2321" max="2321" width="25" style="219" customWidth="1"/>
    <col min="2322" max="2322" width="13.625" style="219" customWidth="1"/>
    <col min="2323" max="2336" width="4.875" style="219" customWidth="1"/>
    <col min="2337" max="2337" width="12" style="219" bestFit="1" customWidth="1"/>
    <col min="2338" max="2571" width="9" style="219"/>
    <col min="2572" max="2572" width="4.25" style="219" customWidth="1"/>
    <col min="2573" max="2573" width="25" style="219" customWidth="1"/>
    <col min="2574" max="2574" width="41.625" style="219" customWidth="1"/>
    <col min="2575" max="2575" width="19.625" style="219" customWidth="1"/>
    <col min="2576" max="2576" width="33.875" style="219" customWidth="1"/>
    <col min="2577" max="2577" width="25" style="219" customWidth="1"/>
    <col min="2578" max="2578" width="13.625" style="219" customWidth="1"/>
    <col min="2579" max="2592" width="4.875" style="219" customWidth="1"/>
    <col min="2593" max="2593" width="12" style="219" bestFit="1" customWidth="1"/>
    <col min="2594" max="2827" width="9" style="219"/>
    <col min="2828" max="2828" width="4.25" style="219" customWidth="1"/>
    <col min="2829" max="2829" width="25" style="219" customWidth="1"/>
    <col min="2830" max="2830" width="41.625" style="219" customWidth="1"/>
    <col min="2831" max="2831" width="19.625" style="219" customWidth="1"/>
    <col min="2832" max="2832" width="33.875" style="219" customWidth="1"/>
    <col min="2833" max="2833" width="25" style="219" customWidth="1"/>
    <col min="2834" max="2834" width="13.625" style="219" customWidth="1"/>
    <col min="2835" max="2848" width="4.875" style="219" customWidth="1"/>
    <col min="2849" max="2849" width="12" style="219" bestFit="1" customWidth="1"/>
    <col min="2850" max="3083" width="9" style="219"/>
    <col min="3084" max="3084" width="4.25" style="219" customWidth="1"/>
    <col min="3085" max="3085" width="25" style="219" customWidth="1"/>
    <col min="3086" max="3086" width="41.625" style="219" customWidth="1"/>
    <col min="3087" max="3087" width="19.625" style="219" customWidth="1"/>
    <col min="3088" max="3088" width="33.875" style="219" customWidth="1"/>
    <col min="3089" max="3089" width="25" style="219" customWidth="1"/>
    <col min="3090" max="3090" width="13.625" style="219" customWidth="1"/>
    <col min="3091" max="3104" width="4.875" style="219" customWidth="1"/>
    <col min="3105" max="3105" width="12" style="219" bestFit="1" customWidth="1"/>
    <col min="3106" max="3339" width="9" style="219"/>
    <col min="3340" max="3340" width="4.25" style="219" customWidth="1"/>
    <col min="3341" max="3341" width="25" style="219" customWidth="1"/>
    <col min="3342" max="3342" width="41.625" style="219" customWidth="1"/>
    <col min="3343" max="3343" width="19.625" style="219" customWidth="1"/>
    <col min="3344" max="3344" width="33.875" style="219" customWidth="1"/>
    <col min="3345" max="3345" width="25" style="219" customWidth="1"/>
    <col min="3346" max="3346" width="13.625" style="219" customWidth="1"/>
    <col min="3347" max="3360" width="4.875" style="219" customWidth="1"/>
    <col min="3361" max="3361" width="12" style="219" bestFit="1" customWidth="1"/>
    <col min="3362" max="3595" width="9" style="219"/>
    <col min="3596" max="3596" width="4.25" style="219" customWidth="1"/>
    <col min="3597" max="3597" width="25" style="219" customWidth="1"/>
    <col min="3598" max="3598" width="41.625" style="219" customWidth="1"/>
    <col min="3599" max="3599" width="19.625" style="219" customWidth="1"/>
    <col min="3600" max="3600" width="33.875" style="219" customWidth="1"/>
    <col min="3601" max="3601" width="25" style="219" customWidth="1"/>
    <col min="3602" max="3602" width="13.625" style="219" customWidth="1"/>
    <col min="3603" max="3616" width="4.875" style="219" customWidth="1"/>
    <col min="3617" max="3617" width="12" style="219" bestFit="1" customWidth="1"/>
    <col min="3618" max="3851" width="9" style="219"/>
    <col min="3852" max="3852" width="4.25" style="219" customWidth="1"/>
    <col min="3853" max="3853" width="25" style="219" customWidth="1"/>
    <col min="3854" max="3854" width="41.625" style="219" customWidth="1"/>
    <col min="3855" max="3855" width="19.625" style="219" customWidth="1"/>
    <col min="3856" max="3856" width="33.875" style="219" customWidth="1"/>
    <col min="3857" max="3857" width="25" style="219" customWidth="1"/>
    <col min="3858" max="3858" width="13.625" style="219" customWidth="1"/>
    <col min="3859" max="3872" width="4.875" style="219" customWidth="1"/>
    <col min="3873" max="3873" width="12" style="219" bestFit="1" customWidth="1"/>
    <col min="3874" max="4107" width="9" style="219"/>
    <col min="4108" max="4108" width="4.25" style="219" customWidth="1"/>
    <col min="4109" max="4109" width="25" style="219" customWidth="1"/>
    <col min="4110" max="4110" width="41.625" style="219" customWidth="1"/>
    <col min="4111" max="4111" width="19.625" style="219" customWidth="1"/>
    <col min="4112" max="4112" width="33.875" style="219" customWidth="1"/>
    <col min="4113" max="4113" width="25" style="219" customWidth="1"/>
    <col min="4114" max="4114" width="13.625" style="219" customWidth="1"/>
    <col min="4115" max="4128" width="4.875" style="219" customWidth="1"/>
    <col min="4129" max="4129" width="12" style="219" bestFit="1" customWidth="1"/>
    <col min="4130" max="4363" width="9" style="219"/>
    <col min="4364" max="4364" width="4.25" style="219" customWidth="1"/>
    <col min="4365" max="4365" width="25" style="219" customWidth="1"/>
    <col min="4366" max="4366" width="41.625" style="219" customWidth="1"/>
    <col min="4367" max="4367" width="19.625" style="219" customWidth="1"/>
    <col min="4368" max="4368" width="33.875" style="219" customWidth="1"/>
    <col min="4369" max="4369" width="25" style="219" customWidth="1"/>
    <col min="4370" max="4370" width="13.625" style="219" customWidth="1"/>
    <col min="4371" max="4384" width="4.875" style="219" customWidth="1"/>
    <col min="4385" max="4385" width="12" style="219" bestFit="1" customWidth="1"/>
    <col min="4386" max="4619" width="9" style="219"/>
    <col min="4620" max="4620" width="4.25" style="219" customWidth="1"/>
    <col min="4621" max="4621" width="25" style="219" customWidth="1"/>
    <col min="4622" max="4622" width="41.625" style="219" customWidth="1"/>
    <col min="4623" max="4623" width="19.625" style="219" customWidth="1"/>
    <col min="4624" max="4624" width="33.875" style="219" customWidth="1"/>
    <col min="4625" max="4625" width="25" style="219" customWidth="1"/>
    <col min="4626" max="4626" width="13.625" style="219" customWidth="1"/>
    <col min="4627" max="4640" width="4.875" style="219" customWidth="1"/>
    <col min="4641" max="4641" width="12" style="219" bestFit="1" customWidth="1"/>
    <col min="4642" max="4875" width="9" style="219"/>
    <col min="4876" max="4876" width="4.25" style="219" customWidth="1"/>
    <col min="4877" max="4877" width="25" style="219" customWidth="1"/>
    <col min="4878" max="4878" width="41.625" style="219" customWidth="1"/>
    <col min="4879" max="4879" width="19.625" style="219" customWidth="1"/>
    <col min="4880" max="4880" width="33.875" style="219" customWidth="1"/>
    <col min="4881" max="4881" width="25" style="219" customWidth="1"/>
    <col min="4882" max="4882" width="13.625" style="219" customWidth="1"/>
    <col min="4883" max="4896" width="4.875" style="219" customWidth="1"/>
    <col min="4897" max="4897" width="12" style="219" bestFit="1" customWidth="1"/>
    <col min="4898" max="5131" width="9" style="219"/>
    <col min="5132" max="5132" width="4.25" style="219" customWidth="1"/>
    <col min="5133" max="5133" width="25" style="219" customWidth="1"/>
    <col min="5134" max="5134" width="41.625" style="219" customWidth="1"/>
    <col min="5135" max="5135" width="19.625" style="219" customWidth="1"/>
    <col min="5136" max="5136" width="33.875" style="219" customWidth="1"/>
    <col min="5137" max="5137" width="25" style="219" customWidth="1"/>
    <col min="5138" max="5138" width="13.625" style="219" customWidth="1"/>
    <col min="5139" max="5152" width="4.875" style="219" customWidth="1"/>
    <col min="5153" max="5153" width="12" style="219" bestFit="1" customWidth="1"/>
    <col min="5154" max="5387" width="9" style="219"/>
    <col min="5388" max="5388" width="4.25" style="219" customWidth="1"/>
    <col min="5389" max="5389" width="25" style="219" customWidth="1"/>
    <col min="5390" max="5390" width="41.625" style="219" customWidth="1"/>
    <col min="5391" max="5391" width="19.625" style="219" customWidth="1"/>
    <col min="5392" max="5392" width="33.875" style="219" customWidth="1"/>
    <col min="5393" max="5393" width="25" style="219" customWidth="1"/>
    <col min="5394" max="5394" width="13.625" style="219" customWidth="1"/>
    <col min="5395" max="5408" width="4.875" style="219" customWidth="1"/>
    <col min="5409" max="5409" width="12" style="219" bestFit="1" customWidth="1"/>
    <col min="5410" max="5643" width="9" style="219"/>
    <col min="5644" max="5644" width="4.25" style="219" customWidth="1"/>
    <col min="5645" max="5645" width="25" style="219" customWidth="1"/>
    <col min="5646" max="5646" width="41.625" style="219" customWidth="1"/>
    <col min="5647" max="5647" width="19.625" style="219" customWidth="1"/>
    <col min="5648" max="5648" width="33.875" style="219" customWidth="1"/>
    <col min="5649" max="5649" width="25" style="219" customWidth="1"/>
    <col min="5650" max="5650" width="13.625" style="219" customWidth="1"/>
    <col min="5651" max="5664" width="4.875" style="219" customWidth="1"/>
    <col min="5665" max="5665" width="12" style="219" bestFit="1" customWidth="1"/>
    <col min="5666" max="5899" width="9" style="219"/>
    <col min="5900" max="5900" width="4.25" style="219" customWidth="1"/>
    <col min="5901" max="5901" width="25" style="219" customWidth="1"/>
    <col min="5902" max="5902" width="41.625" style="219" customWidth="1"/>
    <col min="5903" max="5903" width="19.625" style="219" customWidth="1"/>
    <col min="5904" max="5904" width="33.875" style="219" customWidth="1"/>
    <col min="5905" max="5905" width="25" style="219" customWidth="1"/>
    <col min="5906" max="5906" width="13.625" style="219" customWidth="1"/>
    <col min="5907" max="5920" width="4.875" style="219" customWidth="1"/>
    <col min="5921" max="5921" width="12" style="219" bestFit="1" customWidth="1"/>
    <col min="5922" max="6155" width="9" style="219"/>
    <col min="6156" max="6156" width="4.25" style="219" customWidth="1"/>
    <col min="6157" max="6157" width="25" style="219" customWidth="1"/>
    <col min="6158" max="6158" width="41.625" style="219" customWidth="1"/>
    <col min="6159" max="6159" width="19.625" style="219" customWidth="1"/>
    <col min="6160" max="6160" width="33.875" style="219" customWidth="1"/>
    <col min="6161" max="6161" width="25" style="219" customWidth="1"/>
    <col min="6162" max="6162" width="13.625" style="219" customWidth="1"/>
    <col min="6163" max="6176" width="4.875" style="219" customWidth="1"/>
    <col min="6177" max="6177" width="12" style="219" bestFit="1" customWidth="1"/>
    <col min="6178" max="6411" width="9" style="219"/>
    <col min="6412" max="6412" width="4.25" style="219" customWidth="1"/>
    <col min="6413" max="6413" width="25" style="219" customWidth="1"/>
    <col min="6414" max="6414" width="41.625" style="219" customWidth="1"/>
    <col min="6415" max="6415" width="19.625" style="219" customWidth="1"/>
    <col min="6416" max="6416" width="33.875" style="219" customWidth="1"/>
    <col min="6417" max="6417" width="25" style="219" customWidth="1"/>
    <col min="6418" max="6418" width="13.625" style="219" customWidth="1"/>
    <col min="6419" max="6432" width="4.875" style="219" customWidth="1"/>
    <col min="6433" max="6433" width="12" style="219" bestFit="1" customWidth="1"/>
    <col min="6434" max="6667" width="9" style="219"/>
    <col min="6668" max="6668" width="4.25" style="219" customWidth="1"/>
    <col min="6669" max="6669" width="25" style="219" customWidth="1"/>
    <col min="6670" max="6670" width="41.625" style="219" customWidth="1"/>
    <col min="6671" max="6671" width="19.625" style="219" customWidth="1"/>
    <col min="6672" max="6672" width="33.875" style="219" customWidth="1"/>
    <col min="6673" max="6673" width="25" style="219" customWidth="1"/>
    <col min="6674" max="6674" width="13.625" style="219" customWidth="1"/>
    <col min="6675" max="6688" width="4.875" style="219" customWidth="1"/>
    <col min="6689" max="6689" width="12" style="219" bestFit="1" customWidth="1"/>
    <col min="6690" max="6923" width="9" style="219"/>
    <col min="6924" max="6924" width="4.25" style="219" customWidth="1"/>
    <col min="6925" max="6925" width="25" style="219" customWidth="1"/>
    <col min="6926" max="6926" width="41.625" style="219" customWidth="1"/>
    <col min="6927" max="6927" width="19.625" style="219" customWidth="1"/>
    <col min="6928" max="6928" width="33.875" style="219" customWidth="1"/>
    <col min="6929" max="6929" width="25" style="219" customWidth="1"/>
    <col min="6930" max="6930" width="13.625" style="219" customWidth="1"/>
    <col min="6931" max="6944" width="4.875" style="219" customWidth="1"/>
    <col min="6945" max="6945" width="12" style="219" bestFit="1" customWidth="1"/>
    <col min="6946" max="7179" width="9" style="219"/>
    <col min="7180" max="7180" width="4.25" style="219" customWidth="1"/>
    <col min="7181" max="7181" width="25" style="219" customWidth="1"/>
    <col min="7182" max="7182" width="41.625" style="219" customWidth="1"/>
    <col min="7183" max="7183" width="19.625" style="219" customWidth="1"/>
    <col min="7184" max="7184" width="33.875" style="219" customWidth="1"/>
    <col min="7185" max="7185" width="25" style="219" customWidth="1"/>
    <col min="7186" max="7186" width="13.625" style="219" customWidth="1"/>
    <col min="7187" max="7200" width="4.875" style="219" customWidth="1"/>
    <col min="7201" max="7201" width="12" style="219" bestFit="1" customWidth="1"/>
    <col min="7202" max="7435" width="9" style="219"/>
    <col min="7436" max="7436" width="4.25" style="219" customWidth="1"/>
    <col min="7437" max="7437" width="25" style="219" customWidth="1"/>
    <col min="7438" max="7438" width="41.625" style="219" customWidth="1"/>
    <col min="7439" max="7439" width="19.625" style="219" customWidth="1"/>
    <col min="7440" max="7440" width="33.875" style="219" customWidth="1"/>
    <col min="7441" max="7441" width="25" style="219" customWidth="1"/>
    <col min="7442" max="7442" width="13.625" style="219" customWidth="1"/>
    <col min="7443" max="7456" width="4.875" style="219" customWidth="1"/>
    <col min="7457" max="7457" width="12" style="219" bestFit="1" customWidth="1"/>
    <col min="7458" max="7691" width="9" style="219"/>
    <col min="7692" max="7692" width="4.25" style="219" customWidth="1"/>
    <col min="7693" max="7693" width="25" style="219" customWidth="1"/>
    <col min="7694" max="7694" width="41.625" style="219" customWidth="1"/>
    <col min="7695" max="7695" width="19.625" style="219" customWidth="1"/>
    <col min="7696" max="7696" width="33.875" style="219" customWidth="1"/>
    <col min="7697" max="7697" width="25" style="219" customWidth="1"/>
    <col min="7698" max="7698" width="13.625" style="219" customWidth="1"/>
    <col min="7699" max="7712" width="4.875" style="219" customWidth="1"/>
    <col min="7713" max="7713" width="12" style="219" bestFit="1" customWidth="1"/>
    <col min="7714" max="7947" width="9" style="219"/>
    <col min="7948" max="7948" width="4.25" style="219" customWidth="1"/>
    <col min="7949" max="7949" width="25" style="219" customWidth="1"/>
    <col min="7950" max="7950" width="41.625" style="219" customWidth="1"/>
    <col min="7951" max="7951" width="19.625" style="219" customWidth="1"/>
    <col min="7952" max="7952" width="33.875" style="219" customWidth="1"/>
    <col min="7953" max="7953" width="25" style="219" customWidth="1"/>
    <col min="7954" max="7954" width="13.625" style="219" customWidth="1"/>
    <col min="7955" max="7968" width="4.875" style="219" customWidth="1"/>
    <col min="7969" max="7969" width="12" style="219" bestFit="1" customWidth="1"/>
    <col min="7970" max="8203" width="9" style="219"/>
    <col min="8204" max="8204" width="4.25" style="219" customWidth="1"/>
    <col min="8205" max="8205" width="25" style="219" customWidth="1"/>
    <col min="8206" max="8206" width="41.625" style="219" customWidth="1"/>
    <col min="8207" max="8207" width="19.625" style="219" customWidth="1"/>
    <col min="8208" max="8208" width="33.875" style="219" customWidth="1"/>
    <col min="8209" max="8209" width="25" style="219" customWidth="1"/>
    <col min="8210" max="8210" width="13.625" style="219" customWidth="1"/>
    <col min="8211" max="8224" width="4.875" style="219" customWidth="1"/>
    <col min="8225" max="8225" width="12" style="219" bestFit="1" customWidth="1"/>
    <col min="8226" max="8459" width="9" style="219"/>
    <col min="8460" max="8460" width="4.25" style="219" customWidth="1"/>
    <col min="8461" max="8461" width="25" style="219" customWidth="1"/>
    <col min="8462" max="8462" width="41.625" style="219" customWidth="1"/>
    <col min="8463" max="8463" width="19.625" style="219" customWidth="1"/>
    <col min="8464" max="8464" width="33.875" style="219" customWidth="1"/>
    <col min="8465" max="8465" width="25" style="219" customWidth="1"/>
    <col min="8466" max="8466" width="13.625" style="219" customWidth="1"/>
    <col min="8467" max="8480" width="4.875" style="219" customWidth="1"/>
    <col min="8481" max="8481" width="12" style="219" bestFit="1" customWidth="1"/>
    <col min="8482" max="8715" width="9" style="219"/>
    <col min="8716" max="8716" width="4.25" style="219" customWidth="1"/>
    <col min="8717" max="8717" width="25" style="219" customWidth="1"/>
    <col min="8718" max="8718" width="41.625" style="219" customWidth="1"/>
    <col min="8719" max="8719" width="19.625" style="219" customWidth="1"/>
    <col min="8720" max="8720" width="33.875" style="219" customWidth="1"/>
    <col min="8721" max="8721" width="25" style="219" customWidth="1"/>
    <col min="8722" max="8722" width="13.625" style="219" customWidth="1"/>
    <col min="8723" max="8736" width="4.875" style="219" customWidth="1"/>
    <col min="8737" max="8737" width="12" style="219" bestFit="1" customWidth="1"/>
    <col min="8738" max="8971" width="9" style="219"/>
    <col min="8972" max="8972" width="4.25" style="219" customWidth="1"/>
    <col min="8973" max="8973" width="25" style="219" customWidth="1"/>
    <col min="8974" max="8974" width="41.625" style="219" customWidth="1"/>
    <col min="8975" max="8975" width="19.625" style="219" customWidth="1"/>
    <col min="8976" max="8976" width="33.875" style="219" customWidth="1"/>
    <col min="8977" max="8977" width="25" style="219" customWidth="1"/>
    <col min="8978" max="8978" width="13.625" style="219" customWidth="1"/>
    <col min="8979" max="8992" width="4.875" style="219" customWidth="1"/>
    <col min="8993" max="8993" width="12" style="219" bestFit="1" customWidth="1"/>
    <col min="8994" max="9227" width="9" style="219"/>
    <col min="9228" max="9228" width="4.25" style="219" customWidth="1"/>
    <col min="9229" max="9229" width="25" style="219" customWidth="1"/>
    <col min="9230" max="9230" width="41.625" style="219" customWidth="1"/>
    <col min="9231" max="9231" width="19.625" style="219" customWidth="1"/>
    <col min="9232" max="9232" width="33.875" style="219" customWidth="1"/>
    <col min="9233" max="9233" width="25" style="219" customWidth="1"/>
    <col min="9234" max="9234" width="13.625" style="219" customWidth="1"/>
    <col min="9235" max="9248" width="4.875" style="219" customWidth="1"/>
    <col min="9249" max="9249" width="12" style="219" bestFit="1" customWidth="1"/>
    <col min="9250" max="9483" width="9" style="219"/>
    <col min="9484" max="9484" width="4.25" style="219" customWidth="1"/>
    <col min="9485" max="9485" width="25" style="219" customWidth="1"/>
    <col min="9486" max="9486" width="41.625" style="219" customWidth="1"/>
    <col min="9487" max="9487" width="19.625" style="219" customWidth="1"/>
    <col min="9488" max="9488" width="33.875" style="219" customWidth="1"/>
    <col min="9489" max="9489" width="25" style="219" customWidth="1"/>
    <col min="9490" max="9490" width="13.625" style="219" customWidth="1"/>
    <col min="9491" max="9504" width="4.875" style="219" customWidth="1"/>
    <col min="9505" max="9505" width="12" style="219" bestFit="1" customWidth="1"/>
    <col min="9506" max="9739" width="9" style="219"/>
    <col min="9740" max="9740" width="4.25" style="219" customWidth="1"/>
    <col min="9741" max="9741" width="25" style="219" customWidth="1"/>
    <col min="9742" max="9742" width="41.625" style="219" customWidth="1"/>
    <col min="9743" max="9743" width="19.625" style="219" customWidth="1"/>
    <col min="9744" max="9744" width="33.875" style="219" customWidth="1"/>
    <col min="9745" max="9745" width="25" style="219" customWidth="1"/>
    <col min="9746" max="9746" width="13.625" style="219" customWidth="1"/>
    <col min="9747" max="9760" width="4.875" style="219" customWidth="1"/>
    <col min="9761" max="9761" width="12" style="219" bestFit="1" customWidth="1"/>
    <col min="9762" max="9995" width="9" style="219"/>
    <col min="9996" max="9996" width="4.25" style="219" customWidth="1"/>
    <col min="9997" max="9997" width="25" style="219" customWidth="1"/>
    <col min="9998" max="9998" width="41.625" style="219" customWidth="1"/>
    <col min="9999" max="9999" width="19.625" style="219" customWidth="1"/>
    <col min="10000" max="10000" width="33.875" style="219" customWidth="1"/>
    <col min="10001" max="10001" width="25" style="219" customWidth="1"/>
    <col min="10002" max="10002" width="13.625" style="219" customWidth="1"/>
    <col min="10003" max="10016" width="4.875" style="219" customWidth="1"/>
    <col min="10017" max="10017" width="12" style="219" bestFit="1" customWidth="1"/>
    <col min="10018" max="10251" width="9" style="219"/>
    <col min="10252" max="10252" width="4.25" style="219" customWidth="1"/>
    <col min="10253" max="10253" width="25" style="219" customWidth="1"/>
    <col min="10254" max="10254" width="41.625" style="219" customWidth="1"/>
    <col min="10255" max="10255" width="19.625" style="219" customWidth="1"/>
    <col min="10256" max="10256" width="33.875" style="219" customWidth="1"/>
    <col min="10257" max="10257" width="25" style="219" customWidth="1"/>
    <col min="10258" max="10258" width="13.625" style="219" customWidth="1"/>
    <col min="10259" max="10272" width="4.875" style="219" customWidth="1"/>
    <col min="10273" max="10273" width="12" style="219" bestFit="1" customWidth="1"/>
    <col min="10274" max="10507" width="9" style="219"/>
    <col min="10508" max="10508" width="4.25" style="219" customWidth="1"/>
    <col min="10509" max="10509" width="25" style="219" customWidth="1"/>
    <col min="10510" max="10510" width="41.625" style="219" customWidth="1"/>
    <col min="10511" max="10511" width="19.625" style="219" customWidth="1"/>
    <col min="10512" max="10512" width="33.875" style="219" customWidth="1"/>
    <col min="10513" max="10513" width="25" style="219" customWidth="1"/>
    <col min="10514" max="10514" width="13.625" style="219" customWidth="1"/>
    <col min="10515" max="10528" width="4.875" style="219" customWidth="1"/>
    <col min="10529" max="10529" width="12" style="219" bestFit="1" customWidth="1"/>
    <col min="10530" max="10763" width="9" style="219"/>
    <col min="10764" max="10764" width="4.25" style="219" customWidth="1"/>
    <col min="10765" max="10765" width="25" style="219" customWidth="1"/>
    <col min="10766" max="10766" width="41.625" style="219" customWidth="1"/>
    <col min="10767" max="10767" width="19.625" style="219" customWidth="1"/>
    <col min="10768" max="10768" width="33.875" style="219" customWidth="1"/>
    <col min="10769" max="10769" width="25" style="219" customWidth="1"/>
    <col min="10770" max="10770" width="13.625" style="219" customWidth="1"/>
    <col min="10771" max="10784" width="4.875" style="219" customWidth="1"/>
    <col min="10785" max="10785" width="12" style="219" bestFit="1" customWidth="1"/>
    <col min="10786" max="11019" width="9" style="219"/>
    <col min="11020" max="11020" width="4.25" style="219" customWidth="1"/>
    <col min="11021" max="11021" width="25" style="219" customWidth="1"/>
    <col min="11022" max="11022" width="41.625" style="219" customWidth="1"/>
    <col min="11023" max="11023" width="19.625" style="219" customWidth="1"/>
    <col min="11024" max="11024" width="33.875" style="219" customWidth="1"/>
    <col min="11025" max="11025" width="25" style="219" customWidth="1"/>
    <col min="11026" max="11026" width="13.625" style="219" customWidth="1"/>
    <col min="11027" max="11040" width="4.875" style="219" customWidth="1"/>
    <col min="11041" max="11041" width="12" style="219" bestFit="1" customWidth="1"/>
    <col min="11042" max="11275" width="9" style="219"/>
    <col min="11276" max="11276" width="4.25" style="219" customWidth="1"/>
    <col min="11277" max="11277" width="25" style="219" customWidth="1"/>
    <col min="11278" max="11278" width="41.625" style="219" customWidth="1"/>
    <col min="11279" max="11279" width="19.625" style="219" customWidth="1"/>
    <col min="11280" max="11280" width="33.875" style="219" customWidth="1"/>
    <col min="11281" max="11281" width="25" style="219" customWidth="1"/>
    <col min="11282" max="11282" width="13.625" style="219" customWidth="1"/>
    <col min="11283" max="11296" width="4.875" style="219" customWidth="1"/>
    <col min="11297" max="11297" width="12" style="219" bestFit="1" customWidth="1"/>
    <col min="11298" max="11531" width="9" style="219"/>
    <col min="11532" max="11532" width="4.25" style="219" customWidth="1"/>
    <col min="11533" max="11533" width="25" style="219" customWidth="1"/>
    <col min="11534" max="11534" width="41.625" style="219" customWidth="1"/>
    <col min="11535" max="11535" width="19.625" style="219" customWidth="1"/>
    <col min="11536" max="11536" width="33.875" style="219" customWidth="1"/>
    <col min="11537" max="11537" width="25" style="219" customWidth="1"/>
    <col min="11538" max="11538" width="13.625" style="219" customWidth="1"/>
    <col min="11539" max="11552" width="4.875" style="219" customWidth="1"/>
    <col min="11553" max="11553" width="12" style="219" bestFit="1" customWidth="1"/>
    <col min="11554" max="11787" width="9" style="219"/>
    <col min="11788" max="11788" width="4.25" style="219" customWidth="1"/>
    <col min="11789" max="11789" width="25" style="219" customWidth="1"/>
    <col min="11790" max="11790" width="41.625" style="219" customWidth="1"/>
    <col min="11791" max="11791" width="19.625" style="219" customWidth="1"/>
    <col min="11792" max="11792" width="33.875" style="219" customWidth="1"/>
    <col min="11793" max="11793" width="25" style="219" customWidth="1"/>
    <col min="11794" max="11794" width="13.625" style="219" customWidth="1"/>
    <col min="11795" max="11808" width="4.875" style="219" customWidth="1"/>
    <col min="11809" max="11809" width="12" style="219" bestFit="1" customWidth="1"/>
    <col min="11810" max="12043" width="9" style="219"/>
    <col min="12044" max="12044" width="4.25" style="219" customWidth="1"/>
    <col min="12045" max="12045" width="25" style="219" customWidth="1"/>
    <col min="12046" max="12046" width="41.625" style="219" customWidth="1"/>
    <col min="12047" max="12047" width="19.625" style="219" customWidth="1"/>
    <col min="12048" max="12048" width="33.875" style="219" customWidth="1"/>
    <col min="12049" max="12049" width="25" style="219" customWidth="1"/>
    <col min="12050" max="12050" width="13.625" style="219" customWidth="1"/>
    <col min="12051" max="12064" width="4.875" style="219" customWidth="1"/>
    <col min="12065" max="12065" width="12" style="219" bestFit="1" customWidth="1"/>
    <col min="12066" max="12299" width="9" style="219"/>
    <col min="12300" max="12300" width="4.25" style="219" customWidth="1"/>
    <col min="12301" max="12301" width="25" style="219" customWidth="1"/>
    <col min="12302" max="12302" width="41.625" style="219" customWidth="1"/>
    <col min="12303" max="12303" width="19.625" style="219" customWidth="1"/>
    <col min="12304" max="12304" width="33.875" style="219" customWidth="1"/>
    <col min="12305" max="12305" width="25" style="219" customWidth="1"/>
    <col min="12306" max="12306" width="13.625" style="219" customWidth="1"/>
    <col min="12307" max="12320" width="4.875" style="219" customWidth="1"/>
    <col min="12321" max="12321" width="12" style="219" bestFit="1" customWidth="1"/>
    <col min="12322" max="12555" width="9" style="219"/>
    <col min="12556" max="12556" width="4.25" style="219" customWidth="1"/>
    <col min="12557" max="12557" width="25" style="219" customWidth="1"/>
    <col min="12558" max="12558" width="41.625" style="219" customWidth="1"/>
    <col min="12559" max="12559" width="19.625" style="219" customWidth="1"/>
    <col min="12560" max="12560" width="33.875" style="219" customWidth="1"/>
    <col min="12561" max="12561" width="25" style="219" customWidth="1"/>
    <col min="12562" max="12562" width="13.625" style="219" customWidth="1"/>
    <col min="12563" max="12576" width="4.875" style="219" customWidth="1"/>
    <col min="12577" max="12577" width="12" style="219" bestFit="1" customWidth="1"/>
    <col min="12578" max="12811" width="9" style="219"/>
    <col min="12812" max="12812" width="4.25" style="219" customWidth="1"/>
    <col min="12813" max="12813" width="25" style="219" customWidth="1"/>
    <col min="12814" max="12814" width="41.625" style="219" customWidth="1"/>
    <col min="12815" max="12815" width="19.625" style="219" customWidth="1"/>
    <col min="12816" max="12816" width="33.875" style="219" customWidth="1"/>
    <col min="12817" max="12817" width="25" style="219" customWidth="1"/>
    <col min="12818" max="12818" width="13.625" style="219" customWidth="1"/>
    <col min="12819" max="12832" width="4.875" style="219" customWidth="1"/>
    <col min="12833" max="12833" width="12" style="219" bestFit="1" customWidth="1"/>
    <col min="12834" max="13067" width="9" style="219"/>
    <col min="13068" max="13068" width="4.25" style="219" customWidth="1"/>
    <col min="13069" max="13069" width="25" style="219" customWidth="1"/>
    <col min="13070" max="13070" width="41.625" style="219" customWidth="1"/>
    <col min="13071" max="13071" width="19.625" style="219" customWidth="1"/>
    <col min="13072" max="13072" width="33.875" style="219" customWidth="1"/>
    <col min="13073" max="13073" width="25" style="219" customWidth="1"/>
    <col min="13074" max="13074" width="13.625" style="219" customWidth="1"/>
    <col min="13075" max="13088" width="4.875" style="219" customWidth="1"/>
    <col min="13089" max="13089" width="12" style="219" bestFit="1" customWidth="1"/>
    <col min="13090" max="13323" width="9" style="219"/>
    <col min="13324" max="13324" width="4.25" style="219" customWidth="1"/>
    <col min="13325" max="13325" width="25" style="219" customWidth="1"/>
    <col min="13326" max="13326" width="41.625" style="219" customWidth="1"/>
    <col min="13327" max="13327" width="19.625" style="219" customWidth="1"/>
    <col min="13328" max="13328" width="33.875" style="219" customWidth="1"/>
    <col min="13329" max="13329" width="25" style="219" customWidth="1"/>
    <col min="13330" max="13330" width="13.625" style="219" customWidth="1"/>
    <col min="13331" max="13344" width="4.875" style="219" customWidth="1"/>
    <col min="13345" max="13345" width="12" style="219" bestFit="1" customWidth="1"/>
    <col min="13346" max="13579" width="9" style="219"/>
    <col min="13580" max="13580" width="4.25" style="219" customWidth="1"/>
    <col min="13581" max="13581" width="25" style="219" customWidth="1"/>
    <col min="13582" max="13582" width="41.625" style="219" customWidth="1"/>
    <col min="13583" max="13583" width="19.625" style="219" customWidth="1"/>
    <col min="13584" max="13584" width="33.875" style="219" customWidth="1"/>
    <col min="13585" max="13585" width="25" style="219" customWidth="1"/>
    <col min="13586" max="13586" width="13.625" style="219" customWidth="1"/>
    <col min="13587" max="13600" width="4.875" style="219" customWidth="1"/>
    <col min="13601" max="13601" width="12" style="219" bestFit="1" customWidth="1"/>
    <col min="13602" max="13835" width="9" style="219"/>
    <col min="13836" max="13836" width="4.25" style="219" customWidth="1"/>
    <col min="13837" max="13837" width="25" style="219" customWidth="1"/>
    <col min="13838" max="13838" width="41.625" style="219" customWidth="1"/>
    <col min="13839" max="13839" width="19.625" style="219" customWidth="1"/>
    <col min="13840" max="13840" width="33.875" style="219" customWidth="1"/>
    <col min="13841" max="13841" width="25" style="219" customWidth="1"/>
    <col min="13842" max="13842" width="13.625" style="219" customWidth="1"/>
    <col min="13843" max="13856" width="4.875" style="219" customWidth="1"/>
    <col min="13857" max="13857" width="12" style="219" bestFit="1" customWidth="1"/>
    <col min="13858" max="14091" width="9" style="219"/>
    <col min="14092" max="14092" width="4.25" style="219" customWidth="1"/>
    <col min="14093" max="14093" width="25" style="219" customWidth="1"/>
    <col min="14094" max="14094" width="41.625" style="219" customWidth="1"/>
    <col min="14095" max="14095" width="19.625" style="219" customWidth="1"/>
    <col min="14096" max="14096" width="33.875" style="219" customWidth="1"/>
    <col min="14097" max="14097" width="25" style="219" customWidth="1"/>
    <col min="14098" max="14098" width="13.625" style="219" customWidth="1"/>
    <col min="14099" max="14112" width="4.875" style="219" customWidth="1"/>
    <col min="14113" max="14113" width="12" style="219" bestFit="1" customWidth="1"/>
    <col min="14114" max="14347" width="9" style="219"/>
    <col min="14348" max="14348" width="4.25" style="219" customWidth="1"/>
    <col min="14349" max="14349" width="25" style="219" customWidth="1"/>
    <col min="14350" max="14350" width="41.625" style="219" customWidth="1"/>
    <col min="14351" max="14351" width="19.625" style="219" customWidth="1"/>
    <col min="14352" max="14352" width="33.875" style="219" customWidth="1"/>
    <col min="14353" max="14353" width="25" style="219" customWidth="1"/>
    <col min="14354" max="14354" width="13.625" style="219" customWidth="1"/>
    <col min="14355" max="14368" width="4.875" style="219" customWidth="1"/>
    <col min="14369" max="14369" width="12" style="219" bestFit="1" customWidth="1"/>
    <col min="14370" max="14603" width="9" style="219"/>
    <col min="14604" max="14604" width="4.25" style="219" customWidth="1"/>
    <col min="14605" max="14605" width="25" style="219" customWidth="1"/>
    <col min="14606" max="14606" width="41.625" style="219" customWidth="1"/>
    <col min="14607" max="14607" width="19.625" style="219" customWidth="1"/>
    <col min="14608" max="14608" width="33.875" style="219" customWidth="1"/>
    <col min="14609" max="14609" width="25" style="219" customWidth="1"/>
    <col min="14610" max="14610" width="13.625" style="219" customWidth="1"/>
    <col min="14611" max="14624" width="4.875" style="219" customWidth="1"/>
    <col min="14625" max="14625" width="12" style="219" bestFit="1" customWidth="1"/>
    <col min="14626" max="14859" width="9" style="219"/>
    <col min="14860" max="14860" width="4.25" style="219" customWidth="1"/>
    <col min="14861" max="14861" width="25" style="219" customWidth="1"/>
    <col min="14862" max="14862" width="41.625" style="219" customWidth="1"/>
    <col min="14863" max="14863" width="19.625" style="219" customWidth="1"/>
    <col min="14864" max="14864" width="33.875" style="219" customWidth="1"/>
    <col min="14865" max="14865" width="25" style="219" customWidth="1"/>
    <col min="14866" max="14866" width="13.625" style="219" customWidth="1"/>
    <col min="14867" max="14880" width="4.875" style="219" customWidth="1"/>
    <col min="14881" max="14881" width="12" style="219" bestFit="1" customWidth="1"/>
    <col min="14882" max="15115" width="9" style="219"/>
    <col min="15116" max="15116" width="4.25" style="219" customWidth="1"/>
    <col min="15117" max="15117" width="25" style="219" customWidth="1"/>
    <col min="15118" max="15118" width="41.625" style="219" customWidth="1"/>
    <col min="15119" max="15119" width="19.625" style="219" customWidth="1"/>
    <col min="15120" max="15120" width="33.875" style="219" customWidth="1"/>
    <col min="15121" max="15121" width="25" style="219" customWidth="1"/>
    <col min="15122" max="15122" width="13.625" style="219" customWidth="1"/>
    <col min="15123" max="15136" width="4.875" style="219" customWidth="1"/>
    <col min="15137" max="15137" width="12" style="219" bestFit="1" customWidth="1"/>
    <col min="15138" max="15371" width="9" style="219"/>
    <col min="15372" max="15372" width="4.25" style="219" customWidth="1"/>
    <col min="15373" max="15373" width="25" style="219" customWidth="1"/>
    <col min="15374" max="15374" width="41.625" style="219" customWidth="1"/>
    <col min="15375" max="15375" width="19.625" style="219" customWidth="1"/>
    <col min="15376" max="15376" width="33.875" style="219" customWidth="1"/>
    <col min="15377" max="15377" width="25" style="219" customWidth="1"/>
    <col min="15378" max="15378" width="13.625" style="219" customWidth="1"/>
    <col min="15379" max="15392" width="4.875" style="219" customWidth="1"/>
    <col min="15393" max="15393" width="12" style="219" bestFit="1" customWidth="1"/>
    <col min="15394" max="15627" width="9" style="219"/>
    <col min="15628" max="15628" width="4.25" style="219" customWidth="1"/>
    <col min="15629" max="15629" width="25" style="219" customWidth="1"/>
    <col min="15630" max="15630" width="41.625" style="219" customWidth="1"/>
    <col min="15631" max="15631" width="19.625" style="219" customWidth="1"/>
    <col min="15632" max="15632" width="33.875" style="219" customWidth="1"/>
    <col min="15633" max="15633" width="25" style="219" customWidth="1"/>
    <col min="15634" max="15634" width="13.625" style="219" customWidth="1"/>
    <col min="15635" max="15648" width="4.875" style="219" customWidth="1"/>
    <col min="15649" max="15649" width="12" style="219" bestFit="1" customWidth="1"/>
    <col min="15650" max="15883" width="9" style="219"/>
    <col min="15884" max="15884" width="4.25" style="219" customWidth="1"/>
    <col min="15885" max="15885" width="25" style="219" customWidth="1"/>
    <col min="15886" max="15886" width="41.625" style="219" customWidth="1"/>
    <col min="15887" max="15887" width="19.625" style="219" customWidth="1"/>
    <col min="15888" max="15888" width="33.875" style="219" customWidth="1"/>
    <col min="15889" max="15889" width="25" style="219" customWidth="1"/>
    <col min="15890" max="15890" width="13.625" style="219" customWidth="1"/>
    <col min="15891" max="15904" width="4.875" style="219" customWidth="1"/>
    <col min="15905" max="15905" width="12" style="219" bestFit="1" customWidth="1"/>
    <col min="15906" max="16139" width="9" style="219"/>
    <col min="16140" max="16140" width="4.25" style="219" customWidth="1"/>
    <col min="16141" max="16141" width="25" style="219" customWidth="1"/>
    <col min="16142" max="16142" width="41.625" style="219" customWidth="1"/>
    <col min="16143" max="16143" width="19.625" style="219" customWidth="1"/>
    <col min="16144" max="16144" width="33.875" style="219" customWidth="1"/>
    <col min="16145" max="16145" width="25" style="219" customWidth="1"/>
    <col min="16146" max="16146" width="13.625" style="219" customWidth="1"/>
    <col min="16147" max="16160" width="4.875" style="219" customWidth="1"/>
    <col min="16161" max="16161" width="12" style="219" bestFit="1" customWidth="1"/>
    <col min="16162" max="16384" width="9" style="219"/>
  </cols>
  <sheetData>
    <row r="2" spans="1:33" ht="20.25" customHeight="1" x14ac:dyDescent="0.15">
      <c r="A2" s="86" t="s">
        <v>163</v>
      </c>
      <c r="B2" s="86"/>
      <c r="C2" s="198"/>
      <c r="D2" s="198"/>
      <c r="E2" s="198"/>
      <c r="F2" s="198"/>
      <c r="G2" s="96"/>
      <c r="H2" s="198"/>
      <c r="I2" s="198"/>
      <c r="J2" s="198"/>
      <c r="K2" s="198"/>
      <c r="L2" s="198"/>
      <c r="M2" s="198"/>
      <c r="N2" s="198"/>
      <c r="O2" s="198"/>
      <c r="P2" s="198"/>
      <c r="Q2" s="198"/>
      <c r="R2" s="198"/>
      <c r="S2" s="198"/>
      <c r="T2" s="198"/>
      <c r="U2" s="198"/>
      <c r="V2" s="198"/>
      <c r="W2" s="198"/>
      <c r="X2" s="198"/>
      <c r="Y2" s="198"/>
      <c r="Z2" s="198"/>
      <c r="AA2" s="198"/>
      <c r="AB2" s="198"/>
      <c r="AC2" s="198"/>
      <c r="AD2" s="198"/>
      <c r="AE2" s="198"/>
      <c r="AF2" s="198"/>
    </row>
    <row r="3" spans="1:33" ht="20.25" customHeight="1" x14ac:dyDescent="0.15">
      <c r="A3" s="278" t="s">
        <v>2</v>
      </c>
      <c r="B3" s="278"/>
      <c r="C3" s="278"/>
      <c r="D3" s="278"/>
      <c r="E3" s="278"/>
      <c r="F3" s="278"/>
      <c r="G3" s="278"/>
      <c r="H3" s="278"/>
      <c r="I3" s="278"/>
      <c r="J3" s="278"/>
      <c r="K3" s="278"/>
      <c r="L3" s="278"/>
      <c r="M3" s="278"/>
      <c r="N3" s="278"/>
      <c r="O3" s="278"/>
      <c r="P3" s="278"/>
      <c r="Q3" s="278"/>
      <c r="R3" s="278"/>
      <c r="S3" s="278"/>
      <c r="T3" s="278"/>
      <c r="U3" s="278"/>
      <c r="V3" s="278"/>
      <c r="W3" s="278"/>
      <c r="X3" s="278"/>
      <c r="Y3" s="278"/>
      <c r="Z3" s="278"/>
      <c r="AA3" s="278"/>
      <c r="AB3" s="278"/>
      <c r="AC3" s="278"/>
      <c r="AD3" s="278"/>
      <c r="AE3" s="278"/>
      <c r="AF3" s="278"/>
    </row>
    <row r="4" spans="1:33" ht="20.25" customHeight="1" x14ac:dyDescent="0.15">
      <c r="A4" s="111"/>
      <c r="B4" s="111"/>
      <c r="C4" s="198"/>
      <c r="D4" s="198"/>
      <c r="E4" s="198"/>
      <c r="F4" s="198"/>
      <c r="G4" s="96"/>
      <c r="H4" s="198"/>
      <c r="I4" s="198"/>
      <c r="J4" s="198"/>
      <c r="K4" s="198"/>
      <c r="L4" s="198"/>
      <c r="M4" s="198"/>
      <c r="N4" s="198"/>
      <c r="O4" s="198"/>
      <c r="P4" s="198"/>
      <c r="Q4" s="198"/>
      <c r="R4" s="198"/>
      <c r="S4" s="198"/>
      <c r="T4" s="198"/>
      <c r="U4" s="198"/>
      <c r="V4" s="198"/>
      <c r="W4" s="198"/>
      <c r="X4" s="198"/>
      <c r="Y4" s="198"/>
      <c r="Z4" s="198"/>
      <c r="AA4" s="198"/>
      <c r="AB4" s="198"/>
      <c r="AC4" s="198"/>
      <c r="AD4" s="198"/>
      <c r="AE4" s="198"/>
      <c r="AF4" s="198"/>
    </row>
    <row r="5" spans="1:33" ht="30" customHeight="1" x14ac:dyDescent="0.15">
      <c r="A5" s="111"/>
      <c r="B5" s="111"/>
      <c r="C5" s="198"/>
      <c r="D5" s="198"/>
      <c r="E5" s="198"/>
      <c r="F5" s="198"/>
      <c r="G5" s="96"/>
      <c r="H5" s="198"/>
      <c r="I5" s="198"/>
      <c r="J5" s="111"/>
      <c r="K5" s="111"/>
      <c r="L5" s="111"/>
      <c r="M5" s="111"/>
      <c r="N5" s="111"/>
      <c r="O5" s="111"/>
      <c r="P5" s="111"/>
      <c r="Q5" s="111"/>
      <c r="R5" s="111"/>
      <c r="S5" s="279" t="s">
        <v>161</v>
      </c>
      <c r="T5" s="280"/>
      <c r="U5" s="280"/>
      <c r="V5" s="281"/>
      <c r="W5" s="186"/>
      <c r="X5" s="187"/>
      <c r="Y5" s="187"/>
      <c r="Z5" s="187"/>
      <c r="AA5" s="187"/>
      <c r="AB5" s="187"/>
      <c r="AC5" s="187"/>
      <c r="AD5" s="187"/>
      <c r="AE5" s="187"/>
      <c r="AF5" s="201"/>
    </row>
    <row r="6" spans="1:33" ht="20.25" customHeight="1" x14ac:dyDescent="0.15">
      <c r="A6" s="111"/>
      <c r="B6" s="111"/>
      <c r="C6" s="198"/>
      <c r="D6" s="198"/>
      <c r="E6" s="198"/>
      <c r="F6" s="198"/>
      <c r="G6" s="96"/>
      <c r="H6" s="198"/>
      <c r="I6" s="198"/>
      <c r="J6" s="198"/>
      <c r="K6" s="198"/>
      <c r="L6" s="198"/>
      <c r="M6" s="198"/>
      <c r="N6" s="198"/>
      <c r="O6" s="198"/>
      <c r="P6" s="198"/>
      <c r="Q6" s="198"/>
      <c r="R6" s="198"/>
      <c r="S6" s="198"/>
      <c r="T6" s="198"/>
      <c r="U6" s="198"/>
      <c r="V6" s="198"/>
      <c r="W6" s="198"/>
      <c r="X6" s="198"/>
      <c r="Y6" s="198"/>
      <c r="Z6" s="198"/>
      <c r="AA6" s="198"/>
      <c r="AB6" s="198"/>
      <c r="AC6" s="198"/>
      <c r="AD6" s="198"/>
      <c r="AE6" s="198"/>
      <c r="AF6" s="198"/>
    </row>
    <row r="7" spans="1:33" ht="18" customHeight="1" x14ac:dyDescent="0.15">
      <c r="A7" s="279" t="s">
        <v>88</v>
      </c>
      <c r="B7" s="280"/>
      <c r="C7" s="281"/>
      <c r="D7" s="279" t="s">
        <v>3</v>
      </c>
      <c r="E7" s="281"/>
      <c r="F7" s="282" t="s">
        <v>89</v>
      </c>
      <c r="G7" s="283"/>
      <c r="H7" s="279" t="s">
        <v>90</v>
      </c>
      <c r="I7" s="280"/>
      <c r="J7" s="280"/>
      <c r="K7" s="280"/>
      <c r="L7" s="280"/>
      <c r="M7" s="280"/>
      <c r="N7" s="280"/>
      <c r="O7" s="280"/>
      <c r="P7" s="280"/>
      <c r="Q7" s="280"/>
      <c r="R7" s="280"/>
      <c r="S7" s="280"/>
      <c r="T7" s="280"/>
      <c r="U7" s="280"/>
      <c r="V7" s="280"/>
      <c r="W7" s="280"/>
      <c r="X7" s="281"/>
      <c r="Y7" s="279" t="s">
        <v>167</v>
      </c>
      <c r="Z7" s="280"/>
      <c r="AA7" s="280"/>
      <c r="AB7" s="281"/>
      <c r="AC7" s="279" t="s">
        <v>91</v>
      </c>
      <c r="AD7" s="280"/>
      <c r="AE7" s="280"/>
      <c r="AF7" s="281"/>
    </row>
    <row r="8" spans="1:33" ht="18.75" customHeight="1" x14ac:dyDescent="0.15">
      <c r="A8" s="264" t="s">
        <v>92</v>
      </c>
      <c r="B8" s="265"/>
      <c r="C8" s="266"/>
      <c r="D8" s="202"/>
      <c r="E8" s="120"/>
      <c r="F8" s="118"/>
      <c r="G8" s="185"/>
      <c r="H8" s="270" t="s">
        <v>93</v>
      </c>
      <c r="I8" s="217" t="s">
        <v>212</v>
      </c>
      <c r="J8" s="103" t="s">
        <v>175</v>
      </c>
      <c r="K8" s="124"/>
      <c r="L8" s="124"/>
      <c r="M8" s="217" t="s">
        <v>212</v>
      </c>
      <c r="N8" s="103" t="s">
        <v>176</v>
      </c>
      <c r="O8" s="124"/>
      <c r="P8" s="124"/>
      <c r="Q8" s="217" t="s">
        <v>212</v>
      </c>
      <c r="R8" s="103" t="s">
        <v>177</v>
      </c>
      <c r="S8" s="124"/>
      <c r="T8" s="124"/>
      <c r="U8" s="217" t="s">
        <v>212</v>
      </c>
      <c r="V8" s="103" t="s">
        <v>178</v>
      </c>
      <c r="W8" s="124"/>
      <c r="X8" s="128"/>
      <c r="Y8" s="272"/>
      <c r="Z8" s="273"/>
      <c r="AA8" s="273"/>
      <c r="AB8" s="274"/>
      <c r="AC8" s="272"/>
      <c r="AD8" s="273"/>
      <c r="AE8" s="273"/>
      <c r="AF8" s="274"/>
    </row>
    <row r="9" spans="1:33" ht="18.75" customHeight="1" x14ac:dyDescent="0.15">
      <c r="A9" s="267"/>
      <c r="B9" s="268"/>
      <c r="C9" s="269"/>
      <c r="D9" s="204"/>
      <c r="E9" s="122"/>
      <c r="F9" s="121"/>
      <c r="G9" s="153"/>
      <c r="H9" s="271"/>
      <c r="I9" s="170" t="s">
        <v>212</v>
      </c>
      <c r="J9" s="91" t="s">
        <v>179</v>
      </c>
      <c r="K9" s="116"/>
      <c r="L9" s="116"/>
      <c r="M9" s="182" t="s">
        <v>212</v>
      </c>
      <c r="N9" s="91" t="s">
        <v>180</v>
      </c>
      <c r="O9" s="116"/>
      <c r="P9" s="116"/>
      <c r="Q9" s="182" t="s">
        <v>212</v>
      </c>
      <c r="R9" s="91" t="s">
        <v>181</v>
      </c>
      <c r="S9" s="116"/>
      <c r="T9" s="116"/>
      <c r="U9" s="182" t="s">
        <v>212</v>
      </c>
      <c r="V9" s="91" t="s">
        <v>182</v>
      </c>
      <c r="W9" s="116"/>
      <c r="X9" s="117"/>
      <c r="Y9" s="275"/>
      <c r="Z9" s="276"/>
      <c r="AA9" s="276"/>
      <c r="AB9" s="277"/>
      <c r="AC9" s="275"/>
      <c r="AD9" s="276"/>
      <c r="AE9" s="276"/>
      <c r="AF9" s="277"/>
    </row>
    <row r="10" spans="1:33" ht="18.75" customHeight="1" x14ac:dyDescent="0.15">
      <c r="A10" s="102"/>
      <c r="B10" s="203"/>
      <c r="C10" s="212"/>
      <c r="D10" s="223"/>
      <c r="E10" s="128"/>
      <c r="F10" s="107"/>
      <c r="G10" s="134"/>
      <c r="H10" s="113" t="s">
        <v>98</v>
      </c>
      <c r="I10" s="175" t="s">
        <v>212</v>
      </c>
      <c r="J10" s="133" t="s">
        <v>207</v>
      </c>
      <c r="K10" s="176"/>
      <c r="L10" s="222"/>
      <c r="M10" s="177" t="s">
        <v>212</v>
      </c>
      <c r="N10" s="133" t="s">
        <v>208</v>
      </c>
      <c r="O10" s="125"/>
      <c r="P10" s="125"/>
      <c r="Q10" s="125"/>
      <c r="R10" s="125"/>
      <c r="S10" s="125"/>
      <c r="T10" s="125"/>
      <c r="U10" s="125"/>
      <c r="V10" s="125"/>
      <c r="W10" s="125"/>
      <c r="X10" s="163"/>
      <c r="Y10" s="180" t="s">
        <v>212</v>
      </c>
      <c r="Z10" s="103" t="s">
        <v>183</v>
      </c>
      <c r="AA10" s="103"/>
      <c r="AB10" s="147"/>
      <c r="AC10" s="180" t="s">
        <v>212</v>
      </c>
      <c r="AD10" s="103" t="s">
        <v>183</v>
      </c>
      <c r="AE10" s="103"/>
      <c r="AF10" s="147"/>
      <c r="AG10" s="97"/>
    </row>
    <row r="11" spans="1:33" ht="18.75" customHeight="1" x14ac:dyDescent="0.15">
      <c r="A11" s="167"/>
      <c r="B11" s="157"/>
      <c r="C11" s="213"/>
      <c r="D11" s="226"/>
      <c r="E11" s="115"/>
      <c r="F11" s="169"/>
      <c r="G11" s="184"/>
      <c r="H11" s="114" t="s">
        <v>96</v>
      </c>
      <c r="I11" s="172" t="s">
        <v>212</v>
      </c>
      <c r="J11" s="138" t="s">
        <v>184</v>
      </c>
      <c r="K11" s="138"/>
      <c r="L11" s="165"/>
      <c r="M11" s="173" t="s">
        <v>212</v>
      </c>
      <c r="N11" s="138" t="s">
        <v>222</v>
      </c>
      <c r="O11" s="138"/>
      <c r="P11" s="165"/>
      <c r="Q11" s="136"/>
      <c r="R11" s="136"/>
      <c r="S11" s="136"/>
      <c r="T11" s="136"/>
      <c r="U11" s="136"/>
      <c r="V11" s="136"/>
      <c r="W11" s="136"/>
      <c r="X11" s="137"/>
      <c r="Y11" s="216" t="s">
        <v>212</v>
      </c>
      <c r="Z11" s="112" t="s">
        <v>188</v>
      </c>
      <c r="AA11" s="108"/>
      <c r="AB11" s="110"/>
      <c r="AC11" s="216" t="s">
        <v>212</v>
      </c>
      <c r="AD11" s="112" t="s">
        <v>188</v>
      </c>
      <c r="AE11" s="108"/>
      <c r="AF11" s="110"/>
    </row>
    <row r="12" spans="1:33" ht="18.75" customHeight="1" x14ac:dyDescent="0.15">
      <c r="A12" s="167"/>
      <c r="B12" s="157"/>
      <c r="C12" s="213"/>
      <c r="D12" s="226"/>
      <c r="E12" s="115"/>
      <c r="F12" s="169"/>
      <c r="G12" s="184"/>
      <c r="H12" s="161" t="s">
        <v>140</v>
      </c>
      <c r="I12" s="172" t="s">
        <v>212</v>
      </c>
      <c r="J12" s="138" t="s">
        <v>213</v>
      </c>
      <c r="K12" s="136"/>
      <c r="L12" s="165"/>
      <c r="M12" s="173" t="s">
        <v>212</v>
      </c>
      <c r="N12" s="138" t="s">
        <v>214</v>
      </c>
      <c r="O12" s="126"/>
      <c r="P12" s="126"/>
      <c r="Q12" s="136"/>
      <c r="R12" s="136"/>
      <c r="S12" s="136"/>
      <c r="T12" s="136"/>
      <c r="U12" s="136"/>
      <c r="V12" s="136"/>
      <c r="W12" s="136"/>
      <c r="X12" s="137"/>
      <c r="Y12" s="109"/>
      <c r="Z12" s="108"/>
      <c r="AA12" s="108"/>
      <c r="AB12" s="110"/>
      <c r="AC12" s="109"/>
      <c r="AD12" s="108"/>
      <c r="AE12" s="108"/>
      <c r="AF12" s="110"/>
    </row>
    <row r="13" spans="1:33" ht="18.75" customHeight="1" x14ac:dyDescent="0.15">
      <c r="A13" s="167"/>
      <c r="B13" s="157"/>
      <c r="C13" s="213"/>
      <c r="D13" s="226"/>
      <c r="E13" s="115"/>
      <c r="F13" s="169"/>
      <c r="G13" s="184"/>
      <c r="H13" s="295" t="s">
        <v>166</v>
      </c>
      <c r="I13" s="258" t="s">
        <v>212</v>
      </c>
      <c r="J13" s="256" t="s">
        <v>184</v>
      </c>
      <c r="K13" s="256"/>
      <c r="L13" s="258" t="s">
        <v>212</v>
      </c>
      <c r="M13" s="256" t="s">
        <v>196</v>
      </c>
      <c r="N13" s="256"/>
      <c r="O13" s="140"/>
      <c r="P13" s="140"/>
      <c r="Q13" s="140"/>
      <c r="R13" s="140"/>
      <c r="S13" s="140"/>
      <c r="T13" s="140"/>
      <c r="U13" s="140"/>
      <c r="V13" s="140"/>
      <c r="W13" s="140"/>
      <c r="X13" s="141"/>
      <c r="Y13" s="109"/>
      <c r="Z13" s="108"/>
      <c r="AA13" s="108"/>
      <c r="AB13" s="110"/>
      <c r="AC13" s="109"/>
      <c r="AD13" s="108"/>
      <c r="AE13" s="108"/>
      <c r="AF13" s="110"/>
    </row>
    <row r="14" spans="1:33" ht="18.75" customHeight="1" x14ac:dyDescent="0.15">
      <c r="A14" s="167"/>
      <c r="B14" s="157"/>
      <c r="C14" s="213"/>
      <c r="D14" s="226"/>
      <c r="E14" s="115"/>
      <c r="F14" s="169"/>
      <c r="G14" s="184"/>
      <c r="H14" s="296"/>
      <c r="I14" s="259"/>
      <c r="J14" s="257"/>
      <c r="K14" s="257"/>
      <c r="L14" s="259"/>
      <c r="M14" s="257"/>
      <c r="N14" s="257"/>
      <c r="O14" s="142"/>
      <c r="P14" s="142"/>
      <c r="Q14" s="142"/>
      <c r="R14" s="142"/>
      <c r="S14" s="142"/>
      <c r="T14" s="142"/>
      <c r="U14" s="142"/>
      <c r="V14" s="142"/>
      <c r="W14" s="142"/>
      <c r="X14" s="143"/>
      <c r="Y14" s="109"/>
      <c r="Z14" s="108"/>
      <c r="AA14" s="108"/>
      <c r="AB14" s="110"/>
      <c r="AC14" s="109"/>
      <c r="AD14" s="108"/>
      <c r="AE14" s="108"/>
      <c r="AF14" s="110"/>
    </row>
    <row r="15" spans="1:33" ht="18.75" customHeight="1" x14ac:dyDescent="0.15">
      <c r="A15" s="167"/>
      <c r="B15" s="157"/>
      <c r="C15" s="213"/>
      <c r="D15" s="226"/>
      <c r="E15" s="115"/>
      <c r="F15" s="169"/>
      <c r="G15" s="184"/>
      <c r="H15" s="114" t="s">
        <v>122</v>
      </c>
      <c r="I15" s="208" t="s">
        <v>212</v>
      </c>
      <c r="J15" s="138" t="s">
        <v>184</v>
      </c>
      <c r="K15" s="138"/>
      <c r="L15" s="173" t="s">
        <v>212</v>
      </c>
      <c r="M15" s="138" t="s">
        <v>185</v>
      </c>
      <c r="N15" s="138"/>
      <c r="O15" s="210" t="s">
        <v>212</v>
      </c>
      <c r="P15" s="138" t="s">
        <v>186</v>
      </c>
      <c r="Q15" s="207"/>
      <c r="R15" s="207"/>
      <c r="S15" s="207"/>
      <c r="T15" s="207"/>
      <c r="U15" s="207"/>
      <c r="V15" s="207"/>
      <c r="W15" s="207"/>
      <c r="X15" s="162"/>
      <c r="Y15" s="109"/>
      <c r="Z15" s="108"/>
      <c r="AA15" s="108"/>
      <c r="AB15" s="110"/>
      <c r="AC15" s="109"/>
      <c r="AD15" s="108"/>
      <c r="AE15" s="108"/>
      <c r="AF15" s="110"/>
    </row>
    <row r="16" spans="1:33" ht="18.75" customHeight="1" x14ac:dyDescent="0.15">
      <c r="A16" s="167"/>
      <c r="B16" s="157"/>
      <c r="C16" s="213"/>
      <c r="D16" s="216" t="s">
        <v>212</v>
      </c>
      <c r="E16" s="115" t="s">
        <v>211</v>
      </c>
      <c r="F16" s="169"/>
      <c r="G16" s="184"/>
      <c r="H16" s="114" t="s">
        <v>106</v>
      </c>
      <c r="I16" s="172" t="s">
        <v>212</v>
      </c>
      <c r="J16" s="138" t="s">
        <v>184</v>
      </c>
      <c r="K16" s="136"/>
      <c r="L16" s="173" t="s">
        <v>212</v>
      </c>
      <c r="M16" s="138" t="s">
        <v>196</v>
      </c>
      <c r="N16" s="207"/>
      <c r="O16" s="207"/>
      <c r="P16" s="207"/>
      <c r="Q16" s="207"/>
      <c r="R16" s="207"/>
      <c r="S16" s="207"/>
      <c r="T16" s="207"/>
      <c r="U16" s="207"/>
      <c r="V16" s="207"/>
      <c r="W16" s="207"/>
      <c r="X16" s="162"/>
      <c r="Y16" s="109"/>
      <c r="Z16" s="108"/>
      <c r="AA16" s="108"/>
      <c r="AB16" s="110"/>
      <c r="AC16" s="109"/>
      <c r="AD16" s="108"/>
      <c r="AE16" s="108"/>
      <c r="AF16" s="110"/>
    </row>
    <row r="17" spans="1:33" ht="18.75" customHeight="1" x14ac:dyDescent="0.15">
      <c r="A17" s="216" t="s">
        <v>212</v>
      </c>
      <c r="B17" s="157">
        <v>32</v>
      </c>
      <c r="C17" s="213" t="s">
        <v>238</v>
      </c>
      <c r="D17" s="216" t="s">
        <v>212</v>
      </c>
      <c r="E17" s="115" t="s">
        <v>210</v>
      </c>
      <c r="F17" s="169"/>
      <c r="G17" s="184"/>
      <c r="H17" s="161" t="s">
        <v>133</v>
      </c>
      <c r="I17" s="172" t="s">
        <v>212</v>
      </c>
      <c r="J17" s="138" t="s">
        <v>194</v>
      </c>
      <c r="K17" s="136"/>
      <c r="L17" s="165"/>
      <c r="M17" s="173" t="s">
        <v>212</v>
      </c>
      <c r="N17" s="138" t="s">
        <v>195</v>
      </c>
      <c r="O17" s="126"/>
      <c r="P17" s="126"/>
      <c r="Q17" s="126"/>
      <c r="R17" s="126"/>
      <c r="S17" s="126"/>
      <c r="T17" s="126"/>
      <c r="U17" s="126"/>
      <c r="V17" s="126"/>
      <c r="W17" s="126"/>
      <c r="X17" s="164"/>
      <c r="Y17" s="109"/>
      <c r="Z17" s="108"/>
      <c r="AA17" s="108"/>
      <c r="AB17" s="110"/>
      <c r="AC17" s="109"/>
      <c r="AD17" s="108"/>
      <c r="AE17" s="108"/>
      <c r="AF17" s="110"/>
    </row>
    <row r="18" spans="1:33" ht="18.75" customHeight="1" x14ac:dyDescent="0.15">
      <c r="A18" s="167"/>
      <c r="B18" s="157"/>
      <c r="C18" s="213"/>
      <c r="D18" s="216" t="s">
        <v>212</v>
      </c>
      <c r="E18" s="115" t="s">
        <v>236</v>
      </c>
      <c r="F18" s="169"/>
      <c r="G18" s="184"/>
      <c r="H18" s="114" t="s">
        <v>108</v>
      </c>
      <c r="I18" s="172" t="s">
        <v>212</v>
      </c>
      <c r="J18" s="138" t="s">
        <v>184</v>
      </c>
      <c r="K18" s="136"/>
      <c r="L18" s="173" t="s">
        <v>212</v>
      </c>
      <c r="M18" s="138" t="s">
        <v>196</v>
      </c>
      <c r="N18" s="207"/>
      <c r="O18" s="207"/>
      <c r="P18" s="207"/>
      <c r="Q18" s="207"/>
      <c r="R18" s="207"/>
      <c r="S18" s="207"/>
      <c r="T18" s="207"/>
      <c r="U18" s="207"/>
      <c r="V18" s="207"/>
      <c r="W18" s="207"/>
      <c r="X18" s="162"/>
      <c r="Y18" s="109"/>
      <c r="Z18" s="108"/>
      <c r="AA18" s="108"/>
      <c r="AB18" s="110"/>
      <c r="AC18" s="109"/>
      <c r="AD18" s="108"/>
      <c r="AE18" s="108"/>
      <c r="AF18" s="110"/>
    </row>
    <row r="19" spans="1:33" ht="18.75" customHeight="1" x14ac:dyDescent="0.15">
      <c r="A19" s="167"/>
      <c r="B19" s="157"/>
      <c r="C19" s="213"/>
      <c r="D19" s="216" t="s">
        <v>212</v>
      </c>
      <c r="E19" s="115" t="s">
        <v>237</v>
      </c>
      <c r="F19" s="169"/>
      <c r="G19" s="184"/>
      <c r="H19" s="114" t="s">
        <v>173</v>
      </c>
      <c r="I19" s="208" t="s">
        <v>212</v>
      </c>
      <c r="J19" s="138" t="s">
        <v>184</v>
      </c>
      <c r="K19" s="138"/>
      <c r="L19" s="173" t="s">
        <v>212</v>
      </c>
      <c r="M19" s="138" t="s">
        <v>185</v>
      </c>
      <c r="N19" s="138"/>
      <c r="O19" s="210" t="s">
        <v>212</v>
      </c>
      <c r="P19" s="138" t="s">
        <v>186</v>
      </c>
      <c r="Q19" s="207"/>
      <c r="R19" s="210" t="s">
        <v>212</v>
      </c>
      <c r="S19" s="138" t="s">
        <v>187</v>
      </c>
      <c r="T19" s="207"/>
      <c r="U19" s="207"/>
      <c r="V19" s="207"/>
      <c r="W19" s="207"/>
      <c r="X19" s="162"/>
      <c r="Y19" s="109"/>
      <c r="Z19" s="108"/>
      <c r="AA19" s="108"/>
      <c r="AB19" s="110"/>
      <c r="AC19" s="109"/>
      <c r="AD19" s="108"/>
      <c r="AE19" s="108"/>
      <c r="AF19" s="110"/>
    </row>
    <row r="20" spans="1:33" ht="18.75" customHeight="1" x14ac:dyDescent="0.15">
      <c r="A20" s="167"/>
      <c r="B20" s="157"/>
      <c r="C20" s="213"/>
      <c r="D20" s="226"/>
      <c r="E20" s="115"/>
      <c r="F20" s="169"/>
      <c r="G20" s="184"/>
      <c r="H20" s="114" t="s">
        <v>104</v>
      </c>
      <c r="I20" s="172" t="s">
        <v>212</v>
      </c>
      <c r="J20" s="138" t="s">
        <v>184</v>
      </c>
      <c r="K20" s="138"/>
      <c r="L20" s="173" t="s">
        <v>212</v>
      </c>
      <c r="M20" s="138" t="s">
        <v>185</v>
      </c>
      <c r="N20" s="138"/>
      <c r="O20" s="173" t="s">
        <v>212</v>
      </c>
      <c r="P20" s="138" t="s">
        <v>186</v>
      </c>
      <c r="Q20" s="207"/>
      <c r="R20" s="207"/>
      <c r="S20" s="207"/>
      <c r="T20" s="207"/>
      <c r="U20" s="207"/>
      <c r="V20" s="207"/>
      <c r="W20" s="207"/>
      <c r="X20" s="162"/>
      <c r="Y20" s="109"/>
      <c r="Z20" s="108"/>
      <c r="AA20" s="108"/>
      <c r="AB20" s="110"/>
      <c r="AC20" s="109"/>
      <c r="AD20" s="108"/>
      <c r="AE20" s="108"/>
      <c r="AF20" s="110"/>
    </row>
    <row r="21" spans="1:33" ht="18.75" customHeight="1" x14ac:dyDescent="0.15">
      <c r="A21" s="167"/>
      <c r="B21" s="157"/>
      <c r="C21" s="213"/>
      <c r="D21" s="226"/>
      <c r="E21" s="115"/>
      <c r="F21" s="169"/>
      <c r="G21" s="184"/>
      <c r="H21" s="218" t="s">
        <v>154</v>
      </c>
      <c r="I21" s="172" t="s">
        <v>212</v>
      </c>
      <c r="J21" s="138" t="s">
        <v>184</v>
      </c>
      <c r="K21" s="136"/>
      <c r="L21" s="173" t="s">
        <v>212</v>
      </c>
      <c r="M21" s="138" t="s">
        <v>196</v>
      </c>
      <c r="N21" s="207"/>
      <c r="O21" s="207"/>
      <c r="P21" s="207"/>
      <c r="Q21" s="207"/>
      <c r="R21" s="207"/>
      <c r="S21" s="207"/>
      <c r="T21" s="207"/>
      <c r="U21" s="207"/>
      <c r="V21" s="207"/>
      <c r="W21" s="207"/>
      <c r="X21" s="162"/>
      <c r="Y21" s="109"/>
      <c r="Z21" s="108"/>
      <c r="AA21" s="108"/>
      <c r="AB21" s="110"/>
      <c r="AC21" s="109"/>
      <c r="AD21" s="108"/>
      <c r="AE21" s="108"/>
      <c r="AF21" s="110"/>
    </row>
    <row r="22" spans="1:33" ht="18.75" customHeight="1" x14ac:dyDescent="0.15">
      <c r="A22" s="167"/>
      <c r="B22" s="157"/>
      <c r="C22" s="213"/>
      <c r="D22" s="226"/>
      <c r="E22" s="115"/>
      <c r="F22" s="169"/>
      <c r="G22" s="184"/>
      <c r="H22" s="114" t="s">
        <v>105</v>
      </c>
      <c r="I22" s="172" t="s">
        <v>212</v>
      </c>
      <c r="J22" s="138" t="s">
        <v>184</v>
      </c>
      <c r="K22" s="138"/>
      <c r="L22" s="173" t="s">
        <v>212</v>
      </c>
      <c r="M22" s="138" t="s">
        <v>191</v>
      </c>
      <c r="N22" s="138"/>
      <c r="O22" s="173" t="s">
        <v>212</v>
      </c>
      <c r="P22" s="138" t="s">
        <v>192</v>
      </c>
      <c r="Q22" s="207"/>
      <c r="R22" s="173" t="s">
        <v>212</v>
      </c>
      <c r="S22" s="138" t="s">
        <v>202</v>
      </c>
      <c r="T22" s="207"/>
      <c r="U22" s="207"/>
      <c r="V22" s="207"/>
      <c r="W22" s="207"/>
      <c r="X22" s="162"/>
      <c r="Y22" s="109"/>
      <c r="Z22" s="108"/>
      <c r="AA22" s="108"/>
      <c r="AB22" s="110"/>
      <c r="AC22" s="109"/>
      <c r="AD22" s="108"/>
      <c r="AE22" s="108"/>
      <c r="AF22" s="110"/>
    </row>
    <row r="23" spans="1:33" ht="18.75" customHeight="1" x14ac:dyDescent="0.15">
      <c r="A23" s="167"/>
      <c r="B23" s="157"/>
      <c r="C23" s="213"/>
      <c r="D23" s="226"/>
      <c r="E23" s="115"/>
      <c r="F23" s="169"/>
      <c r="G23" s="184"/>
      <c r="H23" s="114" t="s">
        <v>109</v>
      </c>
      <c r="I23" s="172" t="s">
        <v>212</v>
      </c>
      <c r="J23" s="138" t="s">
        <v>184</v>
      </c>
      <c r="K23" s="138"/>
      <c r="L23" s="173" t="s">
        <v>212</v>
      </c>
      <c r="M23" s="138" t="s">
        <v>191</v>
      </c>
      <c r="N23" s="138"/>
      <c r="O23" s="210" t="s">
        <v>212</v>
      </c>
      <c r="P23" s="138" t="s">
        <v>192</v>
      </c>
      <c r="Q23" s="138"/>
      <c r="R23" s="173" t="s">
        <v>212</v>
      </c>
      <c r="S23" s="138" t="s">
        <v>193</v>
      </c>
      <c r="T23" s="138"/>
      <c r="U23" s="126"/>
      <c r="V23" s="126"/>
      <c r="W23" s="126"/>
      <c r="X23" s="164"/>
      <c r="Y23" s="109"/>
      <c r="Z23" s="108"/>
      <c r="AA23" s="108"/>
      <c r="AB23" s="110"/>
      <c r="AC23" s="109"/>
      <c r="AD23" s="108"/>
      <c r="AE23" s="108"/>
      <c r="AF23" s="110"/>
    </row>
    <row r="24" spans="1:33" ht="18.75" customHeight="1" x14ac:dyDescent="0.15">
      <c r="A24" s="167"/>
      <c r="B24" s="157"/>
      <c r="C24" s="213"/>
      <c r="D24" s="226"/>
      <c r="E24" s="115"/>
      <c r="F24" s="169"/>
      <c r="G24" s="184"/>
      <c r="H24" s="220" t="s">
        <v>279</v>
      </c>
      <c r="I24" s="217" t="s">
        <v>212</v>
      </c>
      <c r="J24" s="140" t="s">
        <v>280</v>
      </c>
      <c r="K24" s="140"/>
      <c r="L24" s="217" t="s">
        <v>212</v>
      </c>
      <c r="M24" s="140" t="s">
        <v>281</v>
      </c>
      <c r="N24" s="140"/>
      <c r="O24" s="210" t="s">
        <v>212</v>
      </c>
      <c r="P24" s="140" t="s">
        <v>282</v>
      </c>
      <c r="Q24" s="140"/>
      <c r="R24" s="210"/>
      <c r="S24" s="140"/>
      <c r="T24" s="140"/>
      <c r="U24" s="129"/>
      <c r="V24" s="129"/>
      <c r="W24" s="129"/>
      <c r="X24" s="130"/>
      <c r="Y24" s="109"/>
      <c r="Z24" s="108"/>
      <c r="AA24" s="108"/>
      <c r="AB24" s="110"/>
      <c r="AC24" s="109"/>
      <c r="AD24" s="108"/>
      <c r="AE24" s="108"/>
      <c r="AF24" s="110"/>
    </row>
    <row r="25" spans="1:33" ht="18.75" customHeight="1" x14ac:dyDescent="0.15">
      <c r="A25" s="168"/>
      <c r="B25" s="205"/>
      <c r="C25" s="214"/>
      <c r="D25" s="221"/>
      <c r="E25" s="117"/>
      <c r="F25" s="92"/>
      <c r="G25" s="183"/>
      <c r="H25" s="236" t="s">
        <v>283</v>
      </c>
      <c r="I25" s="230" t="s">
        <v>212</v>
      </c>
      <c r="J25" s="239" t="s">
        <v>184</v>
      </c>
      <c r="K25" s="239"/>
      <c r="L25" s="232" t="s">
        <v>212</v>
      </c>
      <c r="M25" s="239" t="s">
        <v>196</v>
      </c>
      <c r="N25" s="239"/>
      <c r="O25" s="239"/>
      <c r="P25" s="239"/>
      <c r="Q25" s="240"/>
      <c r="R25" s="239"/>
      <c r="S25" s="239"/>
      <c r="T25" s="239"/>
      <c r="U25" s="241"/>
      <c r="V25" s="241"/>
      <c r="W25" s="241"/>
      <c r="X25" s="242"/>
      <c r="Y25" s="109"/>
      <c r="Z25" s="108"/>
      <c r="AA25" s="108"/>
      <c r="AB25" s="110"/>
      <c r="AC25" s="109"/>
      <c r="AD25" s="108"/>
      <c r="AE25" s="108"/>
      <c r="AF25" s="110"/>
    </row>
    <row r="26" spans="1:33" ht="18.75" customHeight="1" x14ac:dyDescent="0.15">
      <c r="A26" s="102"/>
      <c r="B26" s="203"/>
      <c r="C26" s="212"/>
      <c r="D26" s="223"/>
      <c r="E26" s="128"/>
      <c r="F26" s="107"/>
      <c r="G26" s="134"/>
      <c r="H26" s="113" t="s">
        <v>98</v>
      </c>
      <c r="I26" s="175" t="s">
        <v>212</v>
      </c>
      <c r="J26" s="133" t="s">
        <v>207</v>
      </c>
      <c r="K26" s="176"/>
      <c r="L26" s="222"/>
      <c r="M26" s="177" t="s">
        <v>212</v>
      </c>
      <c r="N26" s="133" t="s">
        <v>208</v>
      </c>
      <c r="O26" s="125"/>
      <c r="P26" s="125"/>
      <c r="Q26" s="125"/>
      <c r="R26" s="125"/>
      <c r="S26" s="125"/>
      <c r="T26" s="125"/>
      <c r="U26" s="125"/>
      <c r="V26" s="125"/>
      <c r="W26" s="125"/>
      <c r="X26" s="163"/>
      <c r="Y26" s="180" t="s">
        <v>212</v>
      </c>
      <c r="Z26" s="103" t="s">
        <v>183</v>
      </c>
      <c r="AA26" s="103"/>
      <c r="AB26" s="147"/>
      <c r="AC26" s="180" t="s">
        <v>212</v>
      </c>
      <c r="AD26" s="103" t="s">
        <v>183</v>
      </c>
      <c r="AE26" s="103"/>
      <c r="AF26" s="147"/>
      <c r="AG26" s="97"/>
    </row>
    <row r="27" spans="1:33" ht="18.75" customHeight="1" x14ac:dyDescent="0.15">
      <c r="A27" s="167"/>
      <c r="B27" s="157"/>
      <c r="C27" s="213"/>
      <c r="D27" s="226"/>
      <c r="E27" s="115"/>
      <c r="F27" s="169"/>
      <c r="G27" s="184"/>
      <c r="H27" s="114" t="s">
        <v>96</v>
      </c>
      <c r="I27" s="172" t="s">
        <v>212</v>
      </c>
      <c r="J27" s="138" t="s">
        <v>184</v>
      </c>
      <c r="K27" s="138"/>
      <c r="L27" s="165"/>
      <c r="M27" s="173" t="s">
        <v>212</v>
      </c>
      <c r="N27" s="138" t="s">
        <v>222</v>
      </c>
      <c r="O27" s="138"/>
      <c r="P27" s="165"/>
      <c r="Q27" s="136"/>
      <c r="R27" s="136"/>
      <c r="S27" s="136"/>
      <c r="T27" s="136"/>
      <c r="U27" s="136"/>
      <c r="V27" s="136"/>
      <c r="W27" s="136"/>
      <c r="X27" s="137"/>
      <c r="Y27" s="216" t="s">
        <v>212</v>
      </c>
      <c r="Z27" s="112" t="s">
        <v>188</v>
      </c>
      <c r="AA27" s="108"/>
      <c r="AB27" s="110"/>
      <c r="AC27" s="216" t="s">
        <v>212</v>
      </c>
      <c r="AD27" s="112" t="s">
        <v>188</v>
      </c>
      <c r="AE27" s="108"/>
      <c r="AF27" s="110"/>
    </row>
    <row r="28" spans="1:33" ht="18.75" customHeight="1" x14ac:dyDescent="0.15">
      <c r="A28" s="167"/>
      <c r="B28" s="157"/>
      <c r="C28" s="213"/>
      <c r="D28" s="226"/>
      <c r="E28" s="115"/>
      <c r="F28" s="169"/>
      <c r="G28" s="184"/>
      <c r="H28" s="295" t="s">
        <v>166</v>
      </c>
      <c r="I28" s="258" t="s">
        <v>212</v>
      </c>
      <c r="J28" s="256" t="s">
        <v>184</v>
      </c>
      <c r="K28" s="256"/>
      <c r="L28" s="258" t="s">
        <v>212</v>
      </c>
      <c r="M28" s="256" t="s">
        <v>196</v>
      </c>
      <c r="N28" s="256"/>
      <c r="O28" s="140"/>
      <c r="P28" s="140"/>
      <c r="Q28" s="140"/>
      <c r="R28" s="140"/>
      <c r="S28" s="140"/>
      <c r="T28" s="140"/>
      <c r="U28" s="140"/>
      <c r="V28" s="140"/>
      <c r="W28" s="140"/>
      <c r="X28" s="141"/>
      <c r="Y28" s="109"/>
      <c r="Z28" s="108"/>
      <c r="AA28" s="108"/>
      <c r="AB28" s="110"/>
      <c r="AC28" s="109"/>
      <c r="AD28" s="108"/>
      <c r="AE28" s="108"/>
      <c r="AF28" s="110"/>
      <c r="AG28" s="97"/>
    </row>
    <row r="29" spans="1:33" ht="18.75" customHeight="1" x14ac:dyDescent="0.15">
      <c r="A29" s="167"/>
      <c r="B29" s="157"/>
      <c r="C29" s="213"/>
      <c r="D29" s="216" t="s">
        <v>212</v>
      </c>
      <c r="E29" s="115" t="s">
        <v>211</v>
      </c>
      <c r="F29" s="169"/>
      <c r="G29" s="184"/>
      <c r="H29" s="296"/>
      <c r="I29" s="259"/>
      <c r="J29" s="257"/>
      <c r="K29" s="257"/>
      <c r="L29" s="259"/>
      <c r="M29" s="257"/>
      <c r="N29" s="257"/>
      <c r="O29" s="142"/>
      <c r="P29" s="142"/>
      <c r="Q29" s="142"/>
      <c r="R29" s="142"/>
      <c r="S29" s="142"/>
      <c r="T29" s="142"/>
      <c r="U29" s="142"/>
      <c r="V29" s="142"/>
      <c r="W29" s="142"/>
      <c r="X29" s="143"/>
      <c r="Y29" s="109"/>
      <c r="Z29" s="108"/>
      <c r="AA29" s="108"/>
      <c r="AB29" s="110"/>
      <c r="AC29" s="109"/>
      <c r="AD29" s="108"/>
      <c r="AE29" s="108"/>
      <c r="AF29" s="110"/>
      <c r="AG29" s="97"/>
    </row>
    <row r="30" spans="1:33" ht="18.75" customHeight="1" x14ac:dyDescent="0.15">
      <c r="A30" s="216" t="s">
        <v>212</v>
      </c>
      <c r="B30" s="157">
        <v>38</v>
      </c>
      <c r="C30" s="213" t="s">
        <v>239</v>
      </c>
      <c r="D30" s="216" t="s">
        <v>212</v>
      </c>
      <c r="E30" s="115" t="s">
        <v>210</v>
      </c>
      <c r="F30" s="169"/>
      <c r="G30" s="184"/>
      <c r="H30" s="114" t="s">
        <v>122</v>
      </c>
      <c r="I30" s="208" t="s">
        <v>212</v>
      </c>
      <c r="J30" s="138" t="s">
        <v>184</v>
      </c>
      <c r="K30" s="138"/>
      <c r="L30" s="173" t="s">
        <v>212</v>
      </c>
      <c r="M30" s="138" t="s">
        <v>185</v>
      </c>
      <c r="N30" s="138"/>
      <c r="O30" s="210" t="s">
        <v>212</v>
      </c>
      <c r="P30" s="138" t="s">
        <v>186</v>
      </c>
      <c r="Q30" s="207"/>
      <c r="R30" s="207"/>
      <c r="S30" s="207"/>
      <c r="T30" s="207"/>
      <c r="U30" s="207"/>
      <c r="V30" s="207"/>
      <c r="W30" s="207"/>
      <c r="X30" s="162"/>
      <c r="Y30" s="109"/>
      <c r="Z30" s="108"/>
      <c r="AA30" s="108"/>
      <c r="AB30" s="110"/>
      <c r="AC30" s="109"/>
      <c r="AD30" s="108"/>
      <c r="AE30" s="108"/>
      <c r="AF30" s="110"/>
      <c r="AG30" s="97"/>
    </row>
    <row r="31" spans="1:33" ht="18.75" customHeight="1" x14ac:dyDescent="0.15">
      <c r="A31" s="167"/>
      <c r="B31" s="157"/>
      <c r="C31" s="213" t="s">
        <v>235</v>
      </c>
      <c r="D31" s="216" t="s">
        <v>212</v>
      </c>
      <c r="E31" s="115" t="s">
        <v>236</v>
      </c>
      <c r="F31" s="169"/>
      <c r="G31" s="184"/>
      <c r="H31" s="114" t="s">
        <v>106</v>
      </c>
      <c r="I31" s="172" t="s">
        <v>212</v>
      </c>
      <c r="J31" s="138" t="s">
        <v>184</v>
      </c>
      <c r="K31" s="136"/>
      <c r="L31" s="173" t="s">
        <v>212</v>
      </c>
      <c r="M31" s="138" t="s">
        <v>196</v>
      </c>
      <c r="N31" s="207"/>
      <c r="O31" s="207"/>
      <c r="P31" s="207"/>
      <c r="Q31" s="207"/>
      <c r="R31" s="207"/>
      <c r="S31" s="207"/>
      <c r="T31" s="207"/>
      <c r="U31" s="207"/>
      <c r="V31" s="207"/>
      <c r="W31" s="207"/>
      <c r="X31" s="162"/>
      <c r="Y31" s="109"/>
      <c r="Z31" s="108"/>
      <c r="AA31" s="108"/>
      <c r="AB31" s="110"/>
      <c r="AC31" s="109"/>
      <c r="AD31" s="108"/>
      <c r="AE31" s="108"/>
      <c r="AF31" s="110"/>
    </row>
    <row r="32" spans="1:33" ht="18.75" customHeight="1" x14ac:dyDescent="0.15">
      <c r="A32" s="167"/>
      <c r="B32" s="157"/>
      <c r="C32" s="213"/>
      <c r="D32" s="216" t="s">
        <v>212</v>
      </c>
      <c r="E32" s="115" t="s">
        <v>237</v>
      </c>
      <c r="F32" s="169"/>
      <c r="G32" s="184"/>
      <c r="H32" s="114" t="s">
        <v>173</v>
      </c>
      <c r="I32" s="208" t="s">
        <v>212</v>
      </c>
      <c r="J32" s="138" t="s">
        <v>184</v>
      </c>
      <c r="K32" s="138"/>
      <c r="L32" s="173" t="s">
        <v>212</v>
      </c>
      <c r="M32" s="138" t="s">
        <v>185</v>
      </c>
      <c r="N32" s="138"/>
      <c r="O32" s="210" t="s">
        <v>212</v>
      </c>
      <c r="P32" s="138" t="s">
        <v>186</v>
      </c>
      <c r="Q32" s="207"/>
      <c r="R32" s="210" t="s">
        <v>212</v>
      </c>
      <c r="S32" s="138" t="s">
        <v>187</v>
      </c>
      <c r="T32" s="207"/>
      <c r="U32" s="207"/>
      <c r="V32" s="207"/>
      <c r="W32" s="207"/>
      <c r="X32" s="162"/>
      <c r="Y32" s="109"/>
      <c r="Z32" s="108"/>
      <c r="AA32" s="108"/>
      <c r="AB32" s="110"/>
      <c r="AC32" s="109"/>
      <c r="AD32" s="108"/>
      <c r="AE32" s="108"/>
      <c r="AF32" s="110"/>
    </row>
    <row r="33" spans="1:32" ht="18.75" customHeight="1" x14ac:dyDescent="0.15">
      <c r="A33" s="167"/>
      <c r="B33" s="157"/>
      <c r="C33" s="213"/>
      <c r="D33" s="226"/>
      <c r="E33" s="115"/>
      <c r="F33" s="169"/>
      <c r="G33" s="184"/>
      <c r="H33" s="114" t="s">
        <v>105</v>
      </c>
      <c r="I33" s="172" t="s">
        <v>212</v>
      </c>
      <c r="J33" s="138" t="s">
        <v>184</v>
      </c>
      <c r="K33" s="138"/>
      <c r="L33" s="173" t="s">
        <v>212</v>
      </c>
      <c r="M33" s="138" t="s">
        <v>191</v>
      </c>
      <c r="N33" s="138"/>
      <c r="O33" s="173" t="s">
        <v>212</v>
      </c>
      <c r="P33" s="138" t="s">
        <v>192</v>
      </c>
      <c r="Q33" s="207"/>
      <c r="R33" s="173" t="s">
        <v>212</v>
      </c>
      <c r="S33" s="138" t="s">
        <v>202</v>
      </c>
      <c r="T33" s="207"/>
      <c r="U33" s="207"/>
      <c r="V33" s="207"/>
      <c r="W33" s="207"/>
      <c r="X33" s="162"/>
      <c r="Y33" s="109"/>
      <c r="Z33" s="108"/>
      <c r="AA33" s="108"/>
      <c r="AB33" s="110"/>
      <c r="AC33" s="109"/>
      <c r="AD33" s="108"/>
      <c r="AE33" s="108"/>
      <c r="AF33" s="110"/>
    </row>
    <row r="34" spans="1:32" ht="18.75" customHeight="1" x14ac:dyDescent="0.15">
      <c r="A34" s="167"/>
      <c r="B34" s="157"/>
      <c r="C34" s="213"/>
      <c r="D34" s="226"/>
      <c r="E34" s="115"/>
      <c r="F34" s="169"/>
      <c r="G34" s="184"/>
      <c r="H34" s="114" t="s">
        <v>109</v>
      </c>
      <c r="I34" s="172" t="s">
        <v>212</v>
      </c>
      <c r="J34" s="138" t="s">
        <v>184</v>
      </c>
      <c r="K34" s="138"/>
      <c r="L34" s="173" t="s">
        <v>212</v>
      </c>
      <c r="M34" s="138" t="s">
        <v>191</v>
      </c>
      <c r="N34" s="138"/>
      <c r="O34" s="210" t="s">
        <v>212</v>
      </c>
      <c r="P34" s="138" t="s">
        <v>192</v>
      </c>
      <c r="Q34" s="138"/>
      <c r="R34" s="173" t="s">
        <v>212</v>
      </c>
      <c r="S34" s="138" t="s">
        <v>193</v>
      </c>
      <c r="T34" s="138"/>
      <c r="U34" s="126"/>
      <c r="V34" s="126"/>
      <c r="W34" s="126"/>
      <c r="X34" s="164"/>
      <c r="Y34" s="109"/>
      <c r="Z34" s="108"/>
      <c r="AA34" s="108"/>
      <c r="AB34" s="110"/>
      <c r="AC34" s="109"/>
      <c r="AD34" s="108"/>
      <c r="AE34" s="108"/>
      <c r="AF34" s="110"/>
    </row>
    <row r="35" spans="1:32" ht="18.75" customHeight="1" x14ac:dyDescent="0.15">
      <c r="A35" s="167"/>
      <c r="B35" s="157"/>
      <c r="C35" s="213"/>
      <c r="D35" s="226"/>
      <c r="E35" s="115"/>
      <c r="F35" s="169"/>
      <c r="G35" s="184"/>
      <c r="H35" s="220" t="s">
        <v>279</v>
      </c>
      <c r="I35" s="172" t="s">
        <v>212</v>
      </c>
      <c r="J35" s="140" t="s">
        <v>280</v>
      </c>
      <c r="K35" s="140"/>
      <c r="L35" s="173" t="s">
        <v>212</v>
      </c>
      <c r="M35" s="140" t="s">
        <v>281</v>
      </c>
      <c r="N35" s="140"/>
      <c r="O35" s="210" t="s">
        <v>212</v>
      </c>
      <c r="P35" s="140" t="s">
        <v>282</v>
      </c>
      <c r="Q35" s="140"/>
      <c r="R35" s="210"/>
      <c r="S35" s="140"/>
      <c r="T35" s="140"/>
      <c r="U35" s="129"/>
      <c r="V35" s="129"/>
      <c r="W35" s="129"/>
      <c r="X35" s="130"/>
      <c r="Y35" s="109"/>
      <c r="Z35" s="108"/>
      <c r="AA35" s="108"/>
      <c r="AB35" s="110"/>
      <c r="AC35" s="109"/>
      <c r="AD35" s="108"/>
      <c r="AE35" s="108"/>
      <c r="AF35" s="110"/>
    </row>
    <row r="36" spans="1:32" ht="18.75" customHeight="1" x14ac:dyDescent="0.15">
      <c r="A36" s="168"/>
      <c r="B36" s="205"/>
      <c r="C36" s="214"/>
      <c r="D36" s="221"/>
      <c r="E36" s="117"/>
      <c r="F36" s="92"/>
      <c r="G36" s="183"/>
      <c r="H36" s="236" t="s">
        <v>283</v>
      </c>
      <c r="I36" s="243" t="s">
        <v>212</v>
      </c>
      <c r="J36" s="231" t="s">
        <v>184</v>
      </c>
      <c r="K36" s="231"/>
      <c r="L36" s="237" t="s">
        <v>212</v>
      </c>
      <c r="M36" s="231" t="s">
        <v>196</v>
      </c>
      <c r="N36" s="231"/>
      <c r="O36" s="231"/>
      <c r="P36" s="231"/>
      <c r="Q36" s="235"/>
      <c r="R36" s="231"/>
      <c r="S36" s="231"/>
      <c r="T36" s="231"/>
      <c r="U36" s="233"/>
      <c r="V36" s="233"/>
      <c r="W36" s="233"/>
      <c r="X36" s="234"/>
      <c r="Y36" s="148"/>
      <c r="Z36" s="149"/>
      <c r="AA36" s="149"/>
      <c r="AB36" s="150"/>
      <c r="AC36" s="148"/>
      <c r="AD36" s="149"/>
      <c r="AE36" s="149"/>
      <c r="AF36" s="150"/>
    </row>
    <row r="37" spans="1:32" ht="20.25" customHeight="1" x14ac:dyDescent="0.15">
      <c r="A37" s="102"/>
      <c r="B37" s="246"/>
      <c r="C37" s="212"/>
      <c r="D37" s="223"/>
      <c r="E37" s="128"/>
      <c r="F37" s="223"/>
      <c r="G37" s="134"/>
      <c r="H37" s="113" t="s">
        <v>98</v>
      </c>
      <c r="I37" s="175" t="s">
        <v>212</v>
      </c>
      <c r="J37" s="133" t="s">
        <v>207</v>
      </c>
      <c r="K37" s="176"/>
      <c r="L37" s="222"/>
      <c r="M37" s="177" t="s">
        <v>212</v>
      </c>
      <c r="N37" s="133" t="s">
        <v>208</v>
      </c>
      <c r="O37" s="125"/>
      <c r="P37" s="125"/>
      <c r="Q37" s="125"/>
      <c r="R37" s="125"/>
      <c r="S37" s="125"/>
      <c r="T37" s="125"/>
      <c r="U37" s="125"/>
      <c r="V37" s="125"/>
      <c r="W37" s="125"/>
      <c r="X37" s="163"/>
      <c r="Y37" s="180" t="s">
        <v>212</v>
      </c>
      <c r="Z37" s="103" t="s">
        <v>183</v>
      </c>
      <c r="AA37" s="103"/>
      <c r="AB37" s="147"/>
      <c r="AC37" s="180" t="s">
        <v>212</v>
      </c>
      <c r="AD37" s="103" t="s">
        <v>183</v>
      </c>
      <c r="AE37" s="103"/>
      <c r="AF37" s="147"/>
    </row>
    <row r="38" spans="1:32" ht="20.25" customHeight="1" x14ac:dyDescent="0.15">
      <c r="A38" s="167"/>
      <c r="B38" s="157"/>
      <c r="C38" s="213"/>
      <c r="D38" s="226"/>
      <c r="E38" s="115"/>
      <c r="F38" s="226"/>
      <c r="G38" s="184"/>
      <c r="H38" s="114" t="s">
        <v>96</v>
      </c>
      <c r="I38" s="172" t="s">
        <v>212</v>
      </c>
      <c r="J38" s="138" t="s">
        <v>288</v>
      </c>
      <c r="K38" s="138"/>
      <c r="L38" s="165"/>
      <c r="M38" s="173" t="s">
        <v>212</v>
      </c>
      <c r="N38" s="138" t="s">
        <v>222</v>
      </c>
      <c r="O38" s="138"/>
      <c r="P38" s="165"/>
      <c r="Q38" s="136"/>
      <c r="R38" s="136"/>
      <c r="S38" s="136"/>
      <c r="T38" s="136"/>
      <c r="U38" s="136"/>
      <c r="V38" s="136"/>
      <c r="W38" s="136"/>
      <c r="X38" s="137"/>
      <c r="Y38" s="249" t="s">
        <v>212</v>
      </c>
      <c r="Z38" s="112" t="s">
        <v>188</v>
      </c>
      <c r="AA38" s="108"/>
      <c r="AB38" s="110"/>
      <c r="AC38" s="249" t="s">
        <v>212</v>
      </c>
      <c r="AD38" s="112" t="s">
        <v>188</v>
      </c>
      <c r="AE38" s="108"/>
      <c r="AF38" s="110"/>
    </row>
    <row r="39" spans="1:32" ht="20.25" customHeight="1" x14ac:dyDescent="0.15">
      <c r="A39" s="167"/>
      <c r="B39" s="157"/>
      <c r="C39" s="213"/>
      <c r="D39" s="226"/>
      <c r="E39" s="115"/>
      <c r="F39" s="226"/>
      <c r="G39" s="184"/>
      <c r="H39" s="161" t="s">
        <v>299</v>
      </c>
      <c r="I39" s="172" t="s">
        <v>212</v>
      </c>
      <c r="J39" s="138" t="s">
        <v>286</v>
      </c>
      <c r="K39" s="136"/>
      <c r="L39" s="165"/>
      <c r="M39" s="173" t="s">
        <v>212</v>
      </c>
      <c r="N39" s="138" t="s">
        <v>214</v>
      </c>
      <c r="O39" s="126"/>
      <c r="P39" s="126"/>
      <c r="Q39" s="136"/>
      <c r="R39" s="136"/>
      <c r="S39" s="136"/>
      <c r="T39" s="136"/>
      <c r="U39" s="136"/>
      <c r="V39" s="136"/>
      <c r="W39" s="136"/>
      <c r="X39" s="137"/>
      <c r="Y39" s="109"/>
      <c r="Z39" s="108"/>
      <c r="AA39" s="108"/>
      <c r="AB39" s="110"/>
      <c r="AC39" s="109"/>
      <c r="AD39" s="108"/>
      <c r="AE39" s="108"/>
      <c r="AF39" s="110"/>
    </row>
    <row r="40" spans="1:32" ht="20.25" customHeight="1" x14ac:dyDescent="0.15">
      <c r="A40" s="167"/>
      <c r="B40" s="157"/>
      <c r="C40" s="213"/>
      <c r="D40" s="226"/>
      <c r="E40" s="115"/>
      <c r="F40" s="226"/>
      <c r="G40" s="184"/>
      <c r="H40" s="295" t="s">
        <v>166</v>
      </c>
      <c r="I40" s="258" t="s">
        <v>212</v>
      </c>
      <c r="J40" s="256" t="s">
        <v>294</v>
      </c>
      <c r="K40" s="256"/>
      <c r="L40" s="258" t="s">
        <v>212</v>
      </c>
      <c r="M40" s="256" t="s">
        <v>300</v>
      </c>
      <c r="N40" s="256"/>
      <c r="O40" s="140"/>
      <c r="P40" s="140"/>
      <c r="Q40" s="140"/>
      <c r="R40" s="140"/>
      <c r="S40" s="140"/>
      <c r="T40" s="140"/>
      <c r="U40" s="140"/>
      <c r="V40" s="140"/>
      <c r="W40" s="140"/>
      <c r="X40" s="141"/>
      <c r="Y40" s="109"/>
      <c r="Z40" s="108"/>
      <c r="AA40" s="108"/>
      <c r="AB40" s="110"/>
      <c r="AC40" s="109"/>
      <c r="AD40" s="108"/>
      <c r="AE40" s="108"/>
      <c r="AF40" s="110"/>
    </row>
    <row r="41" spans="1:32" ht="20.25" customHeight="1" x14ac:dyDescent="0.15">
      <c r="A41" s="167"/>
      <c r="B41" s="157"/>
      <c r="C41" s="213"/>
      <c r="D41" s="226"/>
      <c r="E41" s="115"/>
      <c r="F41" s="226"/>
      <c r="G41" s="184"/>
      <c r="H41" s="296"/>
      <c r="I41" s="259"/>
      <c r="J41" s="257"/>
      <c r="K41" s="257"/>
      <c r="L41" s="259"/>
      <c r="M41" s="257"/>
      <c r="N41" s="257"/>
      <c r="O41" s="142"/>
      <c r="P41" s="142"/>
      <c r="Q41" s="142"/>
      <c r="R41" s="142"/>
      <c r="S41" s="142"/>
      <c r="T41" s="142"/>
      <c r="U41" s="142"/>
      <c r="V41" s="142"/>
      <c r="W41" s="142"/>
      <c r="X41" s="143"/>
      <c r="Y41" s="109"/>
      <c r="Z41" s="108"/>
      <c r="AA41" s="108"/>
      <c r="AB41" s="110"/>
      <c r="AC41" s="109"/>
      <c r="AD41" s="108"/>
      <c r="AE41" s="108"/>
      <c r="AF41" s="110"/>
    </row>
    <row r="42" spans="1:32" ht="20.25" customHeight="1" x14ac:dyDescent="0.15">
      <c r="A42" s="167"/>
      <c r="B42" s="157"/>
      <c r="C42" s="213"/>
      <c r="D42" s="249" t="s">
        <v>212</v>
      </c>
      <c r="E42" s="115" t="s">
        <v>211</v>
      </c>
      <c r="F42" s="226"/>
      <c r="G42" s="184"/>
      <c r="H42" s="114" t="s">
        <v>122</v>
      </c>
      <c r="I42" s="248" t="s">
        <v>212</v>
      </c>
      <c r="J42" s="138" t="s">
        <v>285</v>
      </c>
      <c r="K42" s="138"/>
      <c r="L42" s="173" t="s">
        <v>212</v>
      </c>
      <c r="M42" s="138" t="s">
        <v>289</v>
      </c>
      <c r="N42" s="138"/>
      <c r="O42" s="250" t="s">
        <v>212</v>
      </c>
      <c r="P42" s="138" t="s">
        <v>290</v>
      </c>
      <c r="Q42" s="207"/>
      <c r="R42" s="207"/>
      <c r="S42" s="207"/>
      <c r="T42" s="207"/>
      <c r="U42" s="207"/>
      <c r="V42" s="207"/>
      <c r="W42" s="207"/>
      <c r="X42" s="162"/>
      <c r="Y42" s="109"/>
      <c r="Z42" s="108"/>
      <c r="AA42" s="108"/>
      <c r="AB42" s="110"/>
      <c r="AC42" s="109"/>
      <c r="AD42" s="108"/>
      <c r="AE42" s="108"/>
      <c r="AF42" s="110"/>
    </row>
    <row r="43" spans="1:32" ht="20.25" customHeight="1" x14ac:dyDescent="0.15">
      <c r="A43" s="249" t="s">
        <v>212</v>
      </c>
      <c r="B43" s="157">
        <v>37</v>
      </c>
      <c r="C43" s="213" t="s">
        <v>246</v>
      </c>
      <c r="D43" s="249" t="s">
        <v>212</v>
      </c>
      <c r="E43" s="115" t="s">
        <v>210</v>
      </c>
      <c r="F43" s="226"/>
      <c r="G43" s="184"/>
      <c r="H43" s="114" t="s">
        <v>106</v>
      </c>
      <c r="I43" s="172" t="s">
        <v>212</v>
      </c>
      <c r="J43" s="138" t="s">
        <v>294</v>
      </c>
      <c r="K43" s="136"/>
      <c r="L43" s="173" t="s">
        <v>212</v>
      </c>
      <c r="M43" s="138" t="s">
        <v>287</v>
      </c>
      <c r="N43" s="207"/>
      <c r="O43" s="207"/>
      <c r="P43" s="207"/>
      <c r="Q43" s="207"/>
      <c r="R43" s="207"/>
      <c r="S43" s="207"/>
      <c r="T43" s="207"/>
      <c r="U43" s="207"/>
      <c r="V43" s="207"/>
      <c r="W43" s="207"/>
      <c r="X43" s="162"/>
      <c r="Y43" s="109"/>
      <c r="Z43" s="108"/>
      <c r="AA43" s="108"/>
      <c r="AB43" s="110"/>
      <c r="AC43" s="109"/>
      <c r="AD43" s="108"/>
      <c r="AE43" s="108"/>
      <c r="AF43" s="110"/>
    </row>
    <row r="44" spans="1:32" ht="20.25" customHeight="1" x14ac:dyDescent="0.15">
      <c r="A44" s="167"/>
      <c r="B44" s="157"/>
      <c r="C44" s="213" t="s">
        <v>291</v>
      </c>
      <c r="D44" s="249" t="s">
        <v>212</v>
      </c>
      <c r="E44" s="115" t="s">
        <v>236</v>
      </c>
      <c r="F44" s="226"/>
      <c r="G44" s="184"/>
      <c r="H44" s="161" t="s">
        <v>292</v>
      </c>
      <c r="I44" s="172" t="s">
        <v>212</v>
      </c>
      <c r="J44" s="138" t="s">
        <v>194</v>
      </c>
      <c r="K44" s="136"/>
      <c r="L44" s="165"/>
      <c r="M44" s="173" t="s">
        <v>212</v>
      </c>
      <c r="N44" s="138" t="s">
        <v>293</v>
      </c>
      <c r="O44" s="126"/>
      <c r="P44" s="126"/>
      <c r="Q44" s="126"/>
      <c r="R44" s="126"/>
      <c r="S44" s="126"/>
      <c r="T44" s="126"/>
      <c r="U44" s="126"/>
      <c r="V44" s="126"/>
      <c r="W44" s="126"/>
      <c r="X44" s="164"/>
      <c r="Y44" s="109"/>
      <c r="Z44" s="108"/>
      <c r="AA44" s="108"/>
      <c r="AB44" s="110"/>
      <c r="AC44" s="109"/>
      <c r="AD44" s="108"/>
      <c r="AE44" s="108"/>
      <c r="AF44" s="110"/>
    </row>
    <row r="45" spans="1:32" ht="20.25" customHeight="1" x14ac:dyDescent="0.15">
      <c r="A45" s="167"/>
      <c r="B45" s="157"/>
      <c r="C45" s="213"/>
      <c r="D45" s="249" t="s">
        <v>212</v>
      </c>
      <c r="E45" s="115" t="s">
        <v>237</v>
      </c>
      <c r="F45" s="226"/>
      <c r="G45" s="184"/>
      <c r="H45" s="114" t="s">
        <v>104</v>
      </c>
      <c r="I45" s="248" t="s">
        <v>212</v>
      </c>
      <c r="J45" s="138" t="s">
        <v>285</v>
      </c>
      <c r="K45" s="138"/>
      <c r="L45" s="173" t="s">
        <v>212</v>
      </c>
      <c r="M45" s="138" t="s">
        <v>301</v>
      </c>
      <c r="N45" s="138"/>
      <c r="O45" s="250" t="s">
        <v>212</v>
      </c>
      <c r="P45" s="138" t="s">
        <v>302</v>
      </c>
      <c r="Q45" s="207"/>
      <c r="R45" s="207"/>
      <c r="S45" s="207"/>
      <c r="T45" s="207"/>
      <c r="U45" s="207"/>
      <c r="V45" s="207"/>
      <c r="W45" s="207"/>
      <c r="X45" s="162"/>
      <c r="Y45" s="109"/>
      <c r="Z45" s="108"/>
      <c r="AA45" s="108"/>
      <c r="AB45" s="110"/>
      <c r="AC45" s="109"/>
      <c r="AD45" s="108"/>
      <c r="AE45" s="108"/>
      <c r="AF45" s="110"/>
    </row>
    <row r="46" spans="1:32" ht="20.25" customHeight="1" x14ac:dyDescent="0.15">
      <c r="A46" s="167"/>
      <c r="B46" s="157"/>
      <c r="C46" s="213"/>
      <c r="D46" s="226"/>
      <c r="E46" s="115"/>
      <c r="F46" s="226"/>
      <c r="G46" s="184"/>
      <c r="H46" s="218" t="s">
        <v>154</v>
      </c>
      <c r="I46" s="172" t="s">
        <v>212</v>
      </c>
      <c r="J46" s="138" t="s">
        <v>285</v>
      </c>
      <c r="K46" s="136"/>
      <c r="L46" s="173" t="s">
        <v>212</v>
      </c>
      <c r="M46" s="138" t="s">
        <v>287</v>
      </c>
      <c r="N46" s="207"/>
      <c r="O46" s="207"/>
      <c r="P46" s="207"/>
      <c r="Q46" s="207"/>
      <c r="R46" s="207"/>
      <c r="S46" s="207"/>
      <c r="T46" s="207"/>
      <c r="U46" s="207"/>
      <c r="V46" s="207"/>
      <c r="W46" s="207"/>
      <c r="X46" s="162"/>
      <c r="Y46" s="109"/>
      <c r="Z46" s="108"/>
      <c r="AA46" s="108"/>
      <c r="AB46" s="110"/>
      <c r="AC46" s="109"/>
      <c r="AD46" s="108"/>
      <c r="AE46" s="108"/>
      <c r="AF46" s="110"/>
    </row>
    <row r="47" spans="1:32" ht="20.25" customHeight="1" x14ac:dyDescent="0.15">
      <c r="A47" s="167"/>
      <c r="B47" s="157"/>
      <c r="C47" s="213"/>
      <c r="D47" s="226"/>
      <c r="E47" s="115"/>
      <c r="F47" s="226"/>
      <c r="G47" s="184"/>
      <c r="H47" s="114" t="s">
        <v>105</v>
      </c>
      <c r="I47" s="172" t="s">
        <v>212</v>
      </c>
      <c r="J47" s="138" t="s">
        <v>294</v>
      </c>
      <c r="K47" s="138"/>
      <c r="L47" s="173" t="s">
        <v>212</v>
      </c>
      <c r="M47" s="138" t="s">
        <v>303</v>
      </c>
      <c r="N47" s="138"/>
      <c r="O47" s="173" t="s">
        <v>212</v>
      </c>
      <c r="P47" s="138" t="s">
        <v>295</v>
      </c>
      <c r="Q47" s="207"/>
      <c r="R47" s="173" t="s">
        <v>212</v>
      </c>
      <c r="S47" s="138" t="s">
        <v>304</v>
      </c>
      <c r="T47" s="207"/>
      <c r="U47" s="207"/>
      <c r="V47" s="207"/>
      <c r="W47" s="207"/>
      <c r="X47" s="162"/>
      <c r="Y47" s="109"/>
      <c r="Z47" s="108"/>
      <c r="AA47" s="108"/>
      <c r="AB47" s="110"/>
      <c r="AC47" s="109"/>
      <c r="AD47" s="108"/>
      <c r="AE47" s="108"/>
      <c r="AF47" s="110"/>
    </row>
    <row r="48" spans="1:32" ht="20.25" customHeight="1" x14ac:dyDescent="0.15">
      <c r="A48" s="167"/>
      <c r="B48" s="157"/>
      <c r="C48" s="213"/>
      <c r="D48" s="226"/>
      <c r="E48" s="115"/>
      <c r="F48" s="226"/>
      <c r="G48" s="184"/>
      <c r="H48" s="114" t="s">
        <v>109</v>
      </c>
      <c r="I48" s="172" t="s">
        <v>212</v>
      </c>
      <c r="J48" s="138" t="s">
        <v>305</v>
      </c>
      <c r="K48" s="138"/>
      <c r="L48" s="173" t="s">
        <v>212</v>
      </c>
      <c r="M48" s="138" t="s">
        <v>303</v>
      </c>
      <c r="N48" s="138"/>
      <c r="O48" s="250" t="s">
        <v>212</v>
      </c>
      <c r="P48" s="138" t="s">
        <v>297</v>
      </c>
      <c r="Q48" s="138"/>
      <c r="R48" s="173" t="s">
        <v>212</v>
      </c>
      <c r="S48" s="138" t="s">
        <v>298</v>
      </c>
      <c r="T48" s="138"/>
      <c r="U48" s="126"/>
      <c r="V48" s="126"/>
      <c r="W48" s="126"/>
      <c r="X48" s="164"/>
      <c r="Y48" s="109"/>
      <c r="Z48" s="108"/>
      <c r="AA48" s="108"/>
      <c r="AB48" s="110"/>
      <c r="AC48" s="109"/>
      <c r="AD48" s="108"/>
      <c r="AE48" s="108"/>
      <c r="AF48" s="110"/>
    </row>
    <row r="49" spans="1:32" ht="20.25" customHeight="1" x14ac:dyDescent="0.15">
      <c r="A49" s="167"/>
      <c r="B49" s="157"/>
      <c r="C49" s="213"/>
      <c r="D49" s="226"/>
      <c r="E49" s="115"/>
      <c r="F49" s="226"/>
      <c r="G49" s="184"/>
      <c r="H49" s="252" t="s">
        <v>296</v>
      </c>
      <c r="I49" s="172" t="s">
        <v>212</v>
      </c>
      <c r="J49" s="140" t="s">
        <v>280</v>
      </c>
      <c r="K49" s="140"/>
      <c r="L49" s="251" t="s">
        <v>212</v>
      </c>
      <c r="M49" s="140" t="s">
        <v>281</v>
      </c>
      <c r="N49" s="140"/>
      <c r="O49" s="250" t="s">
        <v>212</v>
      </c>
      <c r="P49" s="140" t="s">
        <v>282</v>
      </c>
      <c r="Q49" s="140"/>
      <c r="R49" s="250"/>
      <c r="S49" s="140"/>
      <c r="T49" s="140"/>
      <c r="U49" s="129"/>
      <c r="V49" s="129"/>
      <c r="W49" s="129"/>
      <c r="X49" s="130"/>
      <c r="Y49" s="109"/>
      <c r="Z49" s="108"/>
      <c r="AA49" s="108"/>
      <c r="AB49" s="110"/>
      <c r="AC49" s="109"/>
      <c r="AD49" s="108"/>
      <c r="AE49" s="108"/>
      <c r="AF49" s="110"/>
    </row>
    <row r="50" spans="1:32" ht="20.25" customHeight="1" x14ac:dyDescent="0.15">
      <c r="A50" s="168"/>
      <c r="B50" s="247"/>
      <c r="C50" s="245"/>
      <c r="D50" s="221"/>
      <c r="E50" s="117"/>
      <c r="F50" s="221"/>
      <c r="G50" s="183"/>
      <c r="H50" s="236" t="s">
        <v>306</v>
      </c>
      <c r="I50" s="238" t="s">
        <v>212</v>
      </c>
      <c r="J50" s="239" t="s">
        <v>294</v>
      </c>
      <c r="K50" s="239"/>
      <c r="L50" s="232" t="s">
        <v>212</v>
      </c>
      <c r="M50" s="239" t="s">
        <v>287</v>
      </c>
      <c r="N50" s="239"/>
      <c r="O50" s="239"/>
      <c r="P50" s="239"/>
      <c r="Q50" s="240"/>
      <c r="R50" s="239"/>
      <c r="S50" s="239"/>
      <c r="T50" s="239"/>
      <c r="U50" s="241"/>
      <c r="V50" s="241"/>
      <c r="W50" s="241"/>
      <c r="X50" s="242"/>
      <c r="Y50" s="109"/>
      <c r="Z50" s="108"/>
      <c r="AA50" s="108"/>
      <c r="AB50" s="110"/>
      <c r="AC50" s="109"/>
      <c r="AD50" s="108"/>
      <c r="AE50" s="108"/>
      <c r="AF50" s="110"/>
    </row>
    <row r="51" spans="1:32" ht="20.25" customHeight="1" x14ac:dyDescent="0.15">
      <c r="A51" s="102"/>
      <c r="B51" s="246"/>
      <c r="C51" s="212"/>
      <c r="D51" s="223"/>
      <c r="E51" s="128"/>
      <c r="F51" s="107"/>
      <c r="G51" s="253"/>
      <c r="H51" s="113" t="s">
        <v>98</v>
      </c>
      <c r="I51" s="175" t="s">
        <v>212</v>
      </c>
      <c r="J51" s="133" t="s">
        <v>207</v>
      </c>
      <c r="K51" s="176"/>
      <c r="L51" s="222"/>
      <c r="M51" s="177" t="s">
        <v>212</v>
      </c>
      <c r="N51" s="133" t="s">
        <v>208</v>
      </c>
      <c r="O51" s="125"/>
      <c r="P51" s="125"/>
      <c r="Q51" s="125"/>
      <c r="R51" s="125"/>
      <c r="S51" s="125"/>
      <c r="T51" s="125"/>
      <c r="U51" s="125"/>
      <c r="V51" s="125"/>
      <c r="W51" s="125"/>
      <c r="X51" s="163"/>
      <c r="Y51" s="180" t="s">
        <v>212</v>
      </c>
      <c r="Z51" s="103" t="s">
        <v>183</v>
      </c>
      <c r="AA51" s="103"/>
      <c r="AB51" s="147"/>
      <c r="AC51" s="180" t="s">
        <v>212</v>
      </c>
      <c r="AD51" s="103" t="s">
        <v>183</v>
      </c>
      <c r="AE51" s="103"/>
      <c r="AF51" s="147"/>
    </row>
    <row r="52" spans="1:32" ht="20.25" customHeight="1" x14ac:dyDescent="0.15">
      <c r="A52" s="167"/>
      <c r="B52" s="157"/>
      <c r="C52" s="213"/>
      <c r="D52" s="226"/>
      <c r="E52" s="115"/>
      <c r="F52" s="169"/>
      <c r="G52" s="254"/>
      <c r="H52" s="114" t="s">
        <v>96</v>
      </c>
      <c r="I52" s="172" t="s">
        <v>212</v>
      </c>
      <c r="J52" s="138" t="s">
        <v>294</v>
      </c>
      <c r="K52" s="138"/>
      <c r="L52" s="165"/>
      <c r="M52" s="173" t="s">
        <v>212</v>
      </c>
      <c r="N52" s="138" t="s">
        <v>222</v>
      </c>
      <c r="O52" s="138"/>
      <c r="P52" s="165"/>
      <c r="Q52" s="136"/>
      <c r="R52" s="136"/>
      <c r="S52" s="136"/>
      <c r="T52" s="136"/>
      <c r="U52" s="136"/>
      <c r="V52" s="136"/>
      <c r="W52" s="136"/>
      <c r="X52" s="137"/>
      <c r="Y52" s="249" t="s">
        <v>212</v>
      </c>
      <c r="Z52" s="112" t="s">
        <v>188</v>
      </c>
      <c r="AA52" s="108"/>
      <c r="AB52" s="110"/>
      <c r="AC52" s="249" t="s">
        <v>212</v>
      </c>
      <c r="AD52" s="112" t="s">
        <v>188</v>
      </c>
      <c r="AE52" s="108"/>
      <c r="AF52" s="110"/>
    </row>
    <row r="53" spans="1:32" ht="20.25" customHeight="1" x14ac:dyDescent="0.15">
      <c r="A53" s="167"/>
      <c r="B53" s="157"/>
      <c r="C53" s="213"/>
      <c r="D53" s="226"/>
      <c r="E53" s="115"/>
      <c r="F53" s="169"/>
      <c r="G53" s="254"/>
      <c r="H53" s="295" t="s">
        <v>166</v>
      </c>
      <c r="I53" s="258" t="s">
        <v>212</v>
      </c>
      <c r="J53" s="256" t="s">
        <v>294</v>
      </c>
      <c r="K53" s="256"/>
      <c r="L53" s="258" t="s">
        <v>212</v>
      </c>
      <c r="M53" s="256" t="s">
        <v>300</v>
      </c>
      <c r="N53" s="256"/>
      <c r="O53" s="140"/>
      <c r="P53" s="140"/>
      <c r="Q53" s="140"/>
      <c r="R53" s="140"/>
      <c r="S53" s="140"/>
      <c r="T53" s="140"/>
      <c r="U53" s="140"/>
      <c r="V53" s="140"/>
      <c r="W53" s="140"/>
      <c r="X53" s="141"/>
      <c r="Y53" s="109"/>
      <c r="Z53" s="108"/>
      <c r="AA53" s="108"/>
      <c r="AB53" s="110"/>
      <c r="AC53" s="109"/>
      <c r="AD53" s="108"/>
      <c r="AE53" s="108"/>
      <c r="AF53" s="110"/>
    </row>
    <row r="54" spans="1:32" ht="20.25" customHeight="1" x14ac:dyDescent="0.15">
      <c r="A54" s="167"/>
      <c r="B54" s="157"/>
      <c r="C54" s="213" t="s">
        <v>246</v>
      </c>
      <c r="D54" s="249" t="s">
        <v>212</v>
      </c>
      <c r="E54" s="115" t="s">
        <v>211</v>
      </c>
      <c r="F54" s="169"/>
      <c r="G54" s="254"/>
      <c r="H54" s="296"/>
      <c r="I54" s="259"/>
      <c r="J54" s="257"/>
      <c r="K54" s="257"/>
      <c r="L54" s="259"/>
      <c r="M54" s="257"/>
      <c r="N54" s="257"/>
      <c r="O54" s="142"/>
      <c r="P54" s="142"/>
      <c r="Q54" s="142"/>
      <c r="R54" s="142"/>
      <c r="S54" s="142"/>
      <c r="T54" s="142"/>
      <c r="U54" s="142"/>
      <c r="V54" s="142"/>
      <c r="W54" s="142"/>
      <c r="X54" s="143"/>
      <c r="Y54" s="109"/>
      <c r="Z54" s="108"/>
      <c r="AA54" s="108"/>
      <c r="AB54" s="110"/>
      <c r="AC54" s="109"/>
      <c r="AD54" s="108"/>
      <c r="AE54" s="108"/>
      <c r="AF54" s="110"/>
    </row>
    <row r="55" spans="1:32" ht="20.25" customHeight="1" x14ac:dyDescent="0.15">
      <c r="A55" s="249" t="s">
        <v>212</v>
      </c>
      <c r="B55" s="157">
        <v>39</v>
      </c>
      <c r="C55" s="213" t="s">
        <v>291</v>
      </c>
      <c r="D55" s="249" t="s">
        <v>212</v>
      </c>
      <c r="E55" s="115" t="s">
        <v>210</v>
      </c>
      <c r="F55" s="169"/>
      <c r="G55" s="254"/>
      <c r="H55" s="114" t="s">
        <v>122</v>
      </c>
      <c r="I55" s="248" t="s">
        <v>212</v>
      </c>
      <c r="J55" s="138" t="s">
        <v>294</v>
      </c>
      <c r="K55" s="138"/>
      <c r="L55" s="173" t="s">
        <v>212</v>
      </c>
      <c r="M55" s="138" t="s">
        <v>289</v>
      </c>
      <c r="N55" s="138"/>
      <c r="O55" s="250" t="s">
        <v>212</v>
      </c>
      <c r="P55" s="138" t="s">
        <v>307</v>
      </c>
      <c r="Q55" s="207"/>
      <c r="R55" s="207"/>
      <c r="S55" s="207"/>
      <c r="T55" s="207"/>
      <c r="U55" s="207"/>
      <c r="V55" s="207"/>
      <c r="W55" s="207"/>
      <c r="X55" s="162"/>
      <c r="Y55" s="109"/>
      <c r="Z55" s="108"/>
      <c r="AA55" s="108"/>
      <c r="AB55" s="110"/>
      <c r="AC55" s="109"/>
      <c r="AD55" s="108"/>
      <c r="AE55" s="108"/>
      <c r="AF55" s="110"/>
    </row>
    <row r="56" spans="1:32" ht="20.25" customHeight="1" x14ac:dyDescent="0.15">
      <c r="A56" s="167"/>
      <c r="B56" s="157"/>
      <c r="C56" s="213" t="s">
        <v>235</v>
      </c>
      <c r="D56" s="249" t="s">
        <v>212</v>
      </c>
      <c r="E56" s="115" t="s">
        <v>236</v>
      </c>
      <c r="F56" s="169"/>
      <c r="G56" s="254"/>
      <c r="H56" s="114" t="s">
        <v>106</v>
      </c>
      <c r="I56" s="172" t="s">
        <v>212</v>
      </c>
      <c r="J56" s="138" t="s">
        <v>294</v>
      </c>
      <c r="K56" s="136"/>
      <c r="L56" s="173" t="s">
        <v>212</v>
      </c>
      <c r="M56" s="138" t="s">
        <v>300</v>
      </c>
      <c r="N56" s="207"/>
      <c r="O56" s="207"/>
      <c r="P56" s="207"/>
      <c r="Q56" s="207"/>
      <c r="R56" s="207"/>
      <c r="S56" s="207"/>
      <c r="T56" s="207"/>
      <c r="U56" s="207"/>
      <c r="V56" s="207"/>
      <c r="W56" s="207"/>
      <c r="X56" s="162"/>
      <c r="Y56" s="109"/>
      <c r="Z56" s="108"/>
      <c r="AA56" s="108"/>
      <c r="AB56" s="110"/>
      <c r="AC56" s="109"/>
      <c r="AD56" s="108"/>
      <c r="AE56" s="108"/>
      <c r="AF56" s="110"/>
    </row>
    <row r="57" spans="1:32" ht="20.25" customHeight="1" x14ac:dyDescent="0.15">
      <c r="A57" s="167"/>
      <c r="B57" s="157"/>
      <c r="C57" s="213"/>
      <c r="D57" s="249" t="s">
        <v>212</v>
      </c>
      <c r="E57" s="115" t="s">
        <v>237</v>
      </c>
      <c r="F57" s="169"/>
      <c r="G57" s="254"/>
      <c r="H57" s="114" t="s">
        <v>105</v>
      </c>
      <c r="I57" s="172" t="s">
        <v>212</v>
      </c>
      <c r="J57" s="138" t="s">
        <v>294</v>
      </c>
      <c r="K57" s="138"/>
      <c r="L57" s="173" t="s">
        <v>212</v>
      </c>
      <c r="M57" s="138" t="s">
        <v>303</v>
      </c>
      <c r="N57" s="138"/>
      <c r="O57" s="173" t="s">
        <v>212</v>
      </c>
      <c r="P57" s="138" t="s">
        <v>295</v>
      </c>
      <c r="Q57" s="207"/>
      <c r="R57" s="173" t="s">
        <v>212</v>
      </c>
      <c r="S57" s="138" t="s">
        <v>308</v>
      </c>
      <c r="T57" s="207"/>
      <c r="U57" s="207"/>
      <c r="V57" s="207"/>
      <c r="W57" s="207"/>
      <c r="X57" s="162"/>
      <c r="Y57" s="109"/>
      <c r="Z57" s="108"/>
      <c r="AA57" s="108"/>
      <c r="AB57" s="110"/>
      <c r="AC57" s="109"/>
      <c r="AD57" s="108"/>
      <c r="AE57" s="108"/>
      <c r="AF57" s="110"/>
    </row>
    <row r="58" spans="1:32" ht="20.25" customHeight="1" x14ac:dyDescent="0.15">
      <c r="A58" s="167"/>
      <c r="B58" s="157"/>
      <c r="C58" s="213"/>
      <c r="D58" s="226"/>
      <c r="E58" s="115"/>
      <c r="F58" s="169"/>
      <c r="G58" s="254"/>
      <c r="H58" s="114" t="s">
        <v>109</v>
      </c>
      <c r="I58" s="172" t="s">
        <v>212</v>
      </c>
      <c r="J58" s="138" t="s">
        <v>294</v>
      </c>
      <c r="K58" s="138"/>
      <c r="L58" s="173" t="s">
        <v>212</v>
      </c>
      <c r="M58" s="138" t="s">
        <v>303</v>
      </c>
      <c r="N58" s="138"/>
      <c r="O58" s="250" t="s">
        <v>212</v>
      </c>
      <c r="P58" s="138" t="s">
        <v>295</v>
      </c>
      <c r="Q58" s="138"/>
      <c r="R58" s="173" t="s">
        <v>212</v>
      </c>
      <c r="S58" s="138" t="s">
        <v>298</v>
      </c>
      <c r="T58" s="138"/>
      <c r="U58" s="126"/>
      <c r="V58" s="126"/>
      <c r="W58" s="126"/>
      <c r="X58" s="164"/>
      <c r="Y58" s="109"/>
      <c r="Z58" s="108"/>
      <c r="AA58" s="108"/>
      <c r="AB58" s="110"/>
      <c r="AC58" s="109"/>
      <c r="AD58" s="108"/>
      <c r="AE58" s="108"/>
      <c r="AF58" s="110"/>
    </row>
    <row r="59" spans="1:32" ht="20.25" customHeight="1" x14ac:dyDescent="0.15">
      <c r="A59" s="167"/>
      <c r="B59" s="157"/>
      <c r="C59" s="213"/>
      <c r="D59" s="226"/>
      <c r="E59" s="115"/>
      <c r="F59" s="169"/>
      <c r="G59" s="254"/>
      <c r="H59" s="252" t="s">
        <v>296</v>
      </c>
      <c r="I59" s="172" t="s">
        <v>212</v>
      </c>
      <c r="J59" s="140" t="s">
        <v>280</v>
      </c>
      <c r="K59" s="140"/>
      <c r="L59" s="173" t="s">
        <v>212</v>
      </c>
      <c r="M59" s="140" t="s">
        <v>281</v>
      </c>
      <c r="N59" s="140"/>
      <c r="O59" s="250" t="s">
        <v>212</v>
      </c>
      <c r="P59" s="140" t="s">
        <v>282</v>
      </c>
      <c r="Q59" s="140"/>
      <c r="R59" s="250"/>
      <c r="S59" s="140"/>
      <c r="T59" s="140"/>
      <c r="U59" s="129"/>
      <c r="V59" s="129"/>
      <c r="W59" s="129"/>
      <c r="X59" s="130"/>
      <c r="Y59" s="109"/>
      <c r="Z59" s="108"/>
      <c r="AA59" s="108"/>
      <c r="AB59" s="110"/>
      <c r="AC59" s="109"/>
      <c r="AD59" s="108"/>
      <c r="AE59" s="108"/>
      <c r="AF59" s="110"/>
    </row>
    <row r="60" spans="1:32" ht="20.25" customHeight="1" x14ac:dyDescent="0.15">
      <c r="A60" s="168"/>
      <c r="B60" s="247"/>
      <c r="C60" s="245"/>
      <c r="D60" s="221"/>
      <c r="E60" s="117"/>
      <c r="F60" s="92"/>
      <c r="G60" s="255"/>
      <c r="H60" s="236" t="s">
        <v>306</v>
      </c>
      <c r="I60" s="243" t="s">
        <v>212</v>
      </c>
      <c r="J60" s="231" t="s">
        <v>285</v>
      </c>
      <c r="K60" s="231"/>
      <c r="L60" s="237" t="s">
        <v>212</v>
      </c>
      <c r="M60" s="231" t="s">
        <v>300</v>
      </c>
      <c r="N60" s="231"/>
      <c r="O60" s="231"/>
      <c r="P60" s="231"/>
      <c r="Q60" s="235"/>
      <c r="R60" s="231"/>
      <c r="S60" s="231"/>
      <c r="T60" s="231"/>
      <c r="U60" s="233"/>
      <c r="V60" s="233"/>
      <c r="W60" s="233"/>
      <c r="X60" s="234"/>
      <c r="Y60" s="148"/>
      <c r="Z60" s="149"/>
      <c r="AA60" s="149"/>
      <c r="AB60" s="150"/>
      <c r="AC60" s="148"/>
      <c r="AD60" s="149"/>
      <c r="AE60" s="149"/>
      <c r="AF60" s="150"/>
    </row>
  </sheetData>
  <mergeCells count="32">
    <mergeCell ref="A3:AF3"/>
    <mergeCell ref="S5:V5"/>
    <mergeCell ref="A7:C7"/>
    <mergeCell ref="D7:E7"/>
    <mergeCell ref="F7:G7"/>
    <mergeCell ref="H7:X7"/>
    <mergeCell ref="Y7:AB7"/>
    <mergeCell ref="AC7:AF7"/>
    <mergeCell ref="A8:C9"/>
    <mergeCell ref="H8:H9"/>
    <mergeCell ref="Y8:AB9"/>
    <mergeCell ref="AC8:AF9"/>
    <mergeCell ref="H13:H14"/>
    <mergeCell ref="I13:I14"/>
    <mergeCell ref="J13:K14"/>
    <mergeCell ref="L13:L14"/>
    <mergeCell ref="M13:N14"/>
    <mergeCell ref="H28:H29"/>
    <mergeCell ref="I28:I29"/>
    <mergeCell ref="J28:K29"/>
    <mergeCell ref="L28:L29"/>
    <mergeCell ref="M28:N29"/>
    <mergeCell ref="H40:H41"/>
    <mergeCell ref="I40:I41"/>
    <mergeCell ref="J40:K41"/>
    <mergeCell ref="L40:L41"/>
    <mergeCell ref="M40:N41"/>
    <mergeCell ref="H53:H54"/>
    <mergeCell ref="I53:I54"/>
    <mergeCell ref="J53:K54"/>
    <mergeCell ref="L53:L54"/>
    <mergeCell ref="M53:N54"/>
  </mergeCells>
  <phoneticPr fontId="3"/>
  <dataValidations count="1">
    <dataValidation type="list" allowBlank="1" showInputMessage="1" showErrorMessage="1" sqref="Q8:Q9 U8:U9 M8:M12 L13:L16 L18:L25 O15 M17 O19:O20 R19 R22:R24 M26:M27 L28:L36 O30 O22:O24 R32:R35 O32:O35 Y10:Y11 Y26:Y27 AC10:AC11 AC26:AC27 D16:D19 D29:D32 A17 A30 I8:I60 O57:O59 M37:M39 L40:L43 O42 O45 L53:L60 L45:L50 R47:R49 M44 M51:M52 R57:R59 O55 O47:O49 Y37:Y38 Y51:Y52 AC37:AC38 AC51:AC52 D42:D45 D54:D57 A43 A55" xr:uid="{00000000-0002-0000-0400-000000000000}">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44" fitToHeight="0" orientation="landscape" cellComments="asDisplayed" r:id="rId1"/>
  <headerFooter alignWithMargins="0"/>
  <rowBreaks count="1" manualBreakCount="1">
    <brk id="36" max="31" man="1"/>
  </rowBreaks>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sheetPr>
    <tabColor rgb="FFFFFF00"/>
    <pageSetUpPr fitToPage="1"/>
  </sheetPr>
  <dimension ref="A2:AG33"/>
  <sheetViews>
    <sheetView view="pageBreakPreview" zoomScale="70" zoomScaleNormal="70" zoomScaleSheetLayoutView="70" workbookViewId="0">
      <selection activeCell="F27" sqref="F27"/>
    </sheetView>
  </sheetViews>
  <sheetFormatPr defaultRowHeight="20.25" customHeight="1" x14ac:dyDescent="0.15"/>
  <cols>
    <col min="1" max="2" width="4.25" style="225" customWidth="1"/>
    <col min="3" max="3" width="25" style="219" customWidth="1"/>
    <col min="4" max="4" width="4.875" style="219" customWidth="1"/>
    <col min="5" max="5" width="41.625" style="219" customWidth="1"/>
    <col min="6" max="6" width="4.875" style="219" customWidth="1"/>
    <col min="7" max="7" width="19.625" style="95" customWidth="1"/>
    <col min="8" max="8" width="33.875" style="219" customWidth="1"/>
    <col min="9" max="32" width="4.875" style="219" customWidth="1"/>
    <col min="33" max="33" width="12" style="219" bestFit="1" customWidth="1"/>
    <col min="34" max="267" width="9" style="219"/>
    <col min="268" max="268" width="4.25" style="219" customWidth="1"/>
    <col min="269" max="269" width="25" style="219" customWidth="1"/>
    <col min="270" max="270" width="41.625" style="219" customWidth="1"/>
    <col min="271" max="271" width="19.625" style="219" customWidth="1"/>
    <col min="272" max="272" width="33.875" style="219" customWidth="1"/>
    <col min="273" max="273" width="25" style="219" customWidth="1"/>
    <col min="274" max="274" width="13.625" style="219" customWidth="1"/>
    <col min="275" max="288" width="4.875" style="219" customWidth="1"/>
    <col min="289" max="289" width="12" style="219" bestFit="1" customWidth="1"/>
    <col min="290" max="523" width="9" style="219"/>
    <col min="524" max="524" width="4.25" style="219" customWidth="1"/>
    <col min="525" max="525" width="25" style="219" customWidth="1"/>
    <col min="526" max="526" width="41.625" style="219" customWidth="1"/>
    <col min="527" max="527" width="19.625" style="219" customWidth="1"/>
    <col min="528" max="528" width="33.875" style="219" customWidth="1"/>
    <col min="529" max="529" width="25" style="219" customWidth="1"/>
    <col min="530" max="530" width="13.625" style="219" customWidth="1"/>
    <col min="531" max="544" width="4.875" style="219" customWidth="1"/>
    <col min="545" max="545" width="12" style="219" bestFit="1" customWidth="1"/>
    <col min="546" max="779" width="9" style="219"/>
    <col min="780" max="780" width="4.25" style="219" customWidth="1"/>
    <col min="781" max="781" width="25" style="219" customWidth="1"/>
    <col min="782" max="782" width="41.625" style="219" customWidth="1"/>
    <col min="783" max="783" width="19.625" style="219" customWidth="1"/>
    <col min="784" max="784" width="33.875" style="219" customWidth="1"/>
    <col min="785" max="785" width="25" style="219" customWidth="1"/>
    <col min="786" max="786" width="13.625" style="219" customWidth="1"/>
    <col min="787" max="800" width="4.875" style="219" customWidth="1"/>
    <col min="801" max="801" width="12" style="219" bestFit="1" customWidth="1"/>
    <col min="802" max="1035" width="9" style="219"/>
    <col min="1036" max="1036" width="4.25" style="219" customWidth="1"/>
    <col min="1037" max="1037" width="25" style="219" customWidth="1"/>
    <col min="1038" max="1038" width="41.625" style="219" customWidth="1"/>
    <col min="1039" max="1039" width="19.625" style="219" customWidth="1"/>
    <col min="1040" max="1040" width="33.875" style="219" customWidth="1"/>
    <col min="1041" max="1041" width="25" style="219" customWidth="1"/>
    <col min="1042" max="1042" width="13.625" style="219" customWidth="1"/>
    <col min="1043" max="1056" width="4.875" style="219" customWidth="1"/>
    <col min="1057" max="1057" width="12" style="219" bestFit="1" customWidth="1"/>
    <col min="1058" max="1291" width="9" style="219"/>
    <col min="1292" max="1292" width="4.25" style="219" customWidth="1"/>
    <col min="1293" max="1293" width="25" style="219" customWidth="1"/>
    <col min="1294" max="1294" width="41.625" style="219" customWidth="1"/>
    <col min="1295" max="1295" width="19.625" style="219" customWidth="1"/>
    <col min="1296" max="1296" width="33.875" style="219" customWidth="1"/>
    <col min="1297" max="1297" width="25" style="219" customWidth="1"/>
    <col min="1298" max="1298" width="13.625" style="219" customWidth="1"/>
    <col min="1299" max="1312" width="4.875" style="219" customWidth="1"/>
    <col min="1313" max="1313" width="12" style="219" bestFit="1" customWidth="1"/>
    <col min="1314" max="1547" width="9" style="219"/>
    <col min="1548" max="1548" width="4.25" style="219" customWidth="1"/>
    <col min="1549" max="1549" width="25" style="219" customWidth="1"/>
    <col min="1550" max="1550" width="41.625" style="219" customWidth="1"/>
    <col min="1551" max="1551" width="19.625" style="219" customWidth="1"/>
    <col min="1552" max="1552" width="33.875" style="219" customWidth="1"/>
    <col min="1553" max="1553" width="25" style="219" customWidth="1"/>
    <col min="1554" max="1554" width="13.625" style="219" customWidth="1"/>
    <col min="1555" max="1568" width="4.875" style="219" customWidth="1"/>
    <col min="1569" max="1569" width="12" style="219" bestFit="1" customWidth="1"/>
    <col min="1570" max="1803" width="9" style="219"/>
    <col min="1804" max="1804" width="4.25" style="219" customWidth="1"/>
    <col min="1805" max="1805" width="25" style="219" customWidth="1"/>
    <col min="1806" max="1806" width="41.625" style="219" customWidth="1"/>
    <col min="1807" max="1807" width="19.625" style="219" customWidth="1"/>
    <col min="1808" max="1808" width="33.875" style="219" customWidth="1"/>
    <col min="1809" max="1809" width="25" style="219" customWidth="1"/>
    <col min="1810" max="1810" width="13.625" style="219" customWidth="1"/>
    <col min="1811" max="1824" width="4.875" style="219" customWidth="1"/>
    <col min="1825" max="1825" width="12" style="219" bestFit="1" customWidth="1"/>
    <col min="1826" max="2059" width="9" style="219"/>
    <col min="2060" max="2060" width="4.25" style="219" customWidth="1"/>
    <col min="2061" max="2061" width="25" style="219" customWidth="1"/>
    <col min="2062" max="2062" width="41.625" style="219" customWidth="1"/>
    <col min="2063" max="2063" width="19.625" style="219" customWidth="1"/>
    <col min="2064" max="2064" width="33.875" style="219" customWidth="1"/>
    <col min="2065" max="2065" width="25" style="219" customWidth="1"/>
    <col min="2066" max="2066" width="13.625" style="219" customWidth="1"/>
    <col min="2067" max="2080" width="4.875" style="219" customWidth="1"/>
    <col min="2081" max="2081" width="12" style="219" bestFit="1" customWidth="1"/>
    <col min="2082" max="2315" width="9" style="219"/>
    <col min="2316" max="2316" width="4.25" style="219" customWidth="1"/>
    <col min="2317" max="2317" width="25" style="219" customWidth="1"/>
    <col min="2318" max="2318" width="41.625" style="219" customWidth="1"/>
    <col min="2319" max="2319" width="19.625" style="219" customWidth="1"/>
    <col min="2320" max="2320" width="33.875" style="219" customWidth="1"/>
    <col min="2321" max="2321" width="25" style="219" customWidth="1"/>
    <col min="2322" max="2322" width="13.625" style="219" customWidth="1"/>
    <col min="2323" max="2336" width="4.875" style="219" customWidth="1"/>
    <col min="2337" max="2337" width="12" style="219" bestFit="1" customWidth="1"/>
    <col min="2338" max="2571" width="9" style="219"/>
    <col min="2572" max="2572" width="4.25" style="219" customWidth="1"/>
    <col min="2573" max="2573" width="25" style="219" customWidth="1"/>
    <col min="2574" max="2574" width="41.625" style="219" customWidth="1"/>
    <col min="2575" max="2575" width="19.625" style="219" customWidth="1"/>
    <col min="2576" max="2576" width="33.875" style="219" customWidth="1"/>
    <col min="2577" max="2577" width="25" style="219" customWidth="1"/>
    <col min="2578" max="2578" width="13.625" style="219" customWidth="1"/>
    <col min="2579" max="2592" width="4.875" style="219" customWidth="1"/>
    <col min="2593" max="2593" width="12" style="219" bestFit="1" customWidth="1"/>
    <col min="2594" max="2827" width="9" style="219"/>
    <col min="2828" max="2828" width="4.25" style="219" customWidth="1"/>
    <col min="2829" max="2829" width="25" style="219" customWidth="1"/>
    <col min="2830" max="2830" width="41.625" style="219" customWidth="1"/>
    <col min="2831" max="2831" width="19.625" style="219" customWidth="1"/>
    <col min="2832" max="2832" width="33.875" style="219" customWidth="1"/>
    <col min="2833" max="2833" width="25" style="219" customWidth="1"/>
    <col min="2834" max="2834" width="13.625" style="219" customWidth="1"/>
    <col min="2835" max="2848" width="4.875" style="219" customWidth="1"/>
    <col min="2849" max="2849" width="12" style="219" bestFit="1" customWidth="1"/>
    <col min="2850" max="3083" width="9" style="219"/>
    <col min="3084" max="3084" width="4.25" style="219" customWidth="1"/>
    <col min="3085" max="3085" width="25" style="219" customWidth="1"/>
    <col min="3086" max="3086" width="41.625" style="219" customWidth="1"/>
    <col min="3087" max="3087" width="19.625" style="219" customWidth="1"/>
    <col min="3088" max="3088" width="33.875" style="219" customWidth="1"/>
    <col min="3089" max="3089" width="25" style="219" customWidth="1"/>
    <col min="3090" max="3090" width="13.625" style="219" customWidth="1"/>
    <col min="3091" max="3104" width="4.875" style="219" customWidth="1"/>
    <col min="3105" max="3105" width="12" style="219" bestFit="1" customWidth="1"/>
    <col min="3106" max="3339" width="9" style="219"/>
    <col min="3340" max="3340" width="4.25" style="219" customWidth="1"/>
    <col min="3341" max="3341" width="25" style="219" customWidth="1"/>
    <col min="3342" max="3342" width="41.625" style="219" customWidth="1"/>
    <col min="3343" max="3343" width="19.625" style="219" customWidth="1"/>
    <col min="3344" max="3344" width="33.875" style="219" customWidth="1"/>
    <col min="3345" max="3345" width="25" style="219" customWidth="1"/>
    <col min="3346" max="3346" width="13.625" style="219" customWidth="1"/>
    <col min="3347" max="3360" width="4.875" style="219" customWidth="1"/>
    <col min="3361" max="3361" width="12" style="219" bestFit="1" customWidth="1"/>
    <col min="3362" max="3595" width="9" style="219"/>
    <col min="3596" max="3596" width="4.25" style="219" customWidth="1"/>
    <col min="3597" max="3597" width="25" style="219" customWidth="1"/>
    <col min="3598" max="3598" width="41.625" style="219" customWidth="1"/>
    <col min="3599" max="3599" width="19.625" style="219" customWidth="1"/>
    <col min="3600" max="3600" width="33.875" style="219" customWidth="1"/>
    <col min="3601" max="3601" width="25" style="219" customWidth="1"/>
    <col min="3602" max="3602" width="13.625" style="219" customWidth="1"/>
    <col min="3603" max="3616" width="4.875" style="219" customWidth="1"/>
    <col min="3617" max="3617" width="12" style="219" bestFit="1" customWidth="1"/>
    <col min="3618" max="3851" width="9" style="219"/>
    <col min="3852" max="3852" width="4.25" style="219" customWidth="1"/>
    <col min="3853" max="3853" width="25" style="219" customWidth="1"/>
    <col min="3854" max="3854" width="41.625" style="219" customWidth="1"/>
    <col min="3855" max="3855" width="19.625" style="219" customWidth="1"/>
    <col min="3856" max="3856" width="33.875" style="219" customWidth="1"/>
    <col min="3857" max="3857" width="25" style="219" customWidth="1"/>
    <col min="3858" max="3858" width="13.625" style="219" customWidth="1"/>
    <col min="3859" max="3872" width="4.875" style="219" customWidth="1"/>
    <col min="3873" max="3873" width="12" style="219" bestFit="1" customWidth="1"/>
    <col min="3874" max="4107" width="9" style="219"/>
    <col min="4108" max="4108" width="4.25" style="219" customWidth="1"/>
    <col min="4109" max="4109" width="25" style="219" customWidth="1"/>
    <col min="4110" max="4110" width="41.625" style="219" customWidth="1"/>
    <col min="4111" max="4111" width="19.625" style="219" customWidth="1"/>
    <col min="4112" max="4112" width="33.875" style="219" customWidth="1"/>
    <col min="4113" max="4113" width="25" style="219" customWidth="1"/>
    <col min="4114" max="4114" width="13.625" style="219" customWidth="1"/>
    <col min="4115" max="4128" width="4.875" style="219" customWidth="1"/>
    <col min="4129" max="4129" width="12" style="219" bestFit="1" customWidth="1"/>
    <col min="4130" max="4363" width="9" style="219"/>
    <col min="4364" max="4364" width="4.25" style="219" customWidth="1"/>
    <col min="4365" max="4365" width="25" style="219" customWidth="1"/>
    <col min="4366" max="4366" width="41.625" style="219" customWidth="1"/>
    <col min="4367" max="4367" width="19.625" style="219" customWidth="1"/>
    <col min="4368" max="4368" width="33.875" style="219" customWidth="1"/>
    <col min="4369" max="4369" width="25" style="219" customWidth="1"/>
    <col min="4370" max="4370" width="13.625" style="219" customWidth="1"/>
    <col min="4371" max="4384" width="4.875" style="219" customWidth="1"/>
    <col min="4385" max="4385" width="12" style="219" bestFit="1" customWidth="1"/>
    <col min="4386" max="4619" width="9" style="219"/>
    <col min="4620" max="4620" width="4.25" style="219" customWidth="1"/>
    <col min="4621" max="4621" width="25" style="219" customWidth="1"/>
    <col min="4622" max="4622" width="41.625" style="219" customWidth="1"/>
    <col min="4623" max="4623" width="19.625" style="219" customWidth="1"/>
    <col min="4624" max="4624" width="33.875" style="219" customWidth="1"/>
    <col min="4625" max="4625" width="25" style="219" customWidth="1"/>
    <col min="4626" max="4626" width="13.625" style="219" customWidth="1"/>
    <col min="4627" max="4640" width="4.875" style="219" customWidth="1"/>
    <col min="4641" max="4641" width="12" style="219" bestFit="1" customWidth="1"/>
    <col min="4642" max="4875" width="9" style="219"/>
    <col min="4876" max="4876" width="4.25" style="219" customWidth="1"/>
    <col min="4877" max="4877" width="25" style="219" customWidth="1"/>
    <col min="4878" max="4878" width="41.625" style="219" customWidth="1"/>
    <col min="4879" max="4879" width="19.625" style="219" customWidth="1"/>
    <col min="4880" max="4880" width="33.875" style="219" customWidth="1"/>
    <col min="4881" max="4881" width="25" style="219" customWidth="1"/>
    <col min="4882" max="4882" width="13.625" style="219" customWidth="1"/>
    <col min="4883" max="4896" width="4.875" style="219" customWidth="1"/>
    <col min="4897" max="4897" width="12" style="219" bestFit="1" customWidth="1"/>
    <col min="4898" max="5131" width="9" style="219"/>
    <col min="5132" max="5132" width="4.25" style="219" customWidth="1"/>
    <col min="5133" max="5133" width="25" style="219" customWidth="1"/>
    <col min="5134" max="5134" width="41.625" style="219" customWidth="1"/>
    <col min="5135" max="5135" width="19.625" style="219" customWidth="1"/>
    <col min="5136" max="5136" width="33.875" style="219" customWidth="1"/>
    <col min="5137" max="5137" width="25" style="219" customWidth="1"/>
    <col min="5138" max="5138" width="13.625" style="219" customWidth="1"/>
    <col min="5139" max="5152" width="4.875" style="219" customWidth="1"/>
    <col min="5153" max="5153" width="12" style="219" bestFit="1" customWidth="1"/>
    <col min="5154" max="5387" width="9" style="219"/>
    <col min="5388" max="5388" width="4.25" style="219" customWidth="1"/>
    <col min="5389" max="5389" width="25" style="219" customWidth="1"/>
    <col min="5390" max="5390" width="41.625" style="219" customWidth="1"/>
    <col min="5391" max="5391" width="19.625" style="219" customWidth="1"/>
    <col min="5392" max="5392" width="33.875" style="219" customWidth="1"/>
    <col min="5393" max="5393" width="25" style="219" customWidth="1"/>
    <col min="5394" max="5394" width="13.625" style="219" customWidth="1"/>
    <col min="5395" max="5408" width="4.875" style="219" customWidth="1"/>
    <col min="5409" max="5409" width="12" style="219" bestFit="1" customWidth="1"/>
    <col min="5410" max="5643" width="9" style="219"/>
    <col min="5644" max="5644" width="4.25" style="219" customWidth="1"/>
    <col min="5645" max="5645" width="25" style="219" customWidth="1"/>
    <col min="5646" max="5646" width="41.625" style="219" customWidth="1"/>
    <col min="5647" max="5647" width="19.625" style="219" customWidth="1"/>
    <col min="5648" max="5648" width="33.875" style="219" customWidth="1"/>
    <col min="5649" max="5649" width="25" style="219" customWidth="1"/>
    <col min="5650" max="5650" width="13.625" style="219" customWidth="1"/>
    <col min="5651" max="5664" width="4.875" style="219" customWidth="1"/>
    <col min="5665" max="5665" width="12" style="219" bestFit="1" customWidth="1"/>
    <col min="5666" max="5899" width="9" style="219"/>
    <col min="5900" max="5900" width="4.25" style="219" customWidth="1"/>
    <col min="5901" max="5901" width="25" style="219" customWidth="1"/>
    <col min="5902" max="5902" width="41.625" style="219" customWidth="1"/>
    <col min="5903" max="5903" width="19.625" style="219" customWidth="1"/>
    <col min="5904" max="5904" width="33.875" style="219" customWidth="1"/>
    <col min="5905" max="5905" width="25" style="219" customWidth="1"/>
    <col min="5906" max="5906" width="13.625" style="219" customWidth="1"/>
    <col min="5907" max="5920" width="4.875" style="219" customWidth="1"/>
    <col min="5921" max="5921" width="12" style="219" bestFit="1" customWidth="1"/>
    <col min="5922" max="6155" width="9" style="219"/>
    <col min="6156" max="6156" width="4.25" style="219" customWidth="1"/>
    <col min="6157" max="6157" width="25" style="219" customWidth="1"/>
    <col min="6158" max="6158" width="41.625" style="219" customWidth="1"/>
    <col min="6159" max="6159" width="19.625" style="219" customWidth="1"/>
    <col min="6160" max="6160" width="33.875" style="219" customWidth="1"/>
    <col min="6161" max="6161" width="25" style="219" customWidth="1"/>
    <col min="6162" max="6162" width="13.625" style="219" customWidth="1"/>
    <col min="6163" max="6176" width="4.875" style="219" customWidth="1"/>
    <col min="6177" max="6177" width="12" style="219" bestFit="1" customWidth="1"/>
    <col min="6178" max="6411" width="9" style="219"/>
    <col min="6412" max="6412" width="4.25" style="219" customWidth="1"/>
    <col min="6413" max="6413" width="25" style="219" customWidth="1"/>
    <col min="6414" max="6414" width="41.625" style="219" customWidth="1"/>
    <col min="6415" max="6415" width="19.625" style="219" customWidth="1"/>
    <col min="6416" max="6416" width="33.875" style="219" customWidth="1"/>
    <col min="6417" max="6417" width="25" style="219" customWidth="1"/>
    <col min="6418" max="6418" width="13.625" style="219" customWidth="1"/>
    <col min="6419" max="6432" width="4.875" style="219" customWidth="1"/>
    <col min="6433" max="6433" width="12" style="219" bestFit="1" customWidth="1"/>
    <col min="6434" max="6667" width="9" style="219"/>
    <col min="6668" max="6668" width="4.25" style="219" customWidth="1"/>
    <col min="6669" max="6669" width="25" style="219" customWidth="1"/>
    <col min="6670" max="6670" width="41.625" style="219" customWidth="1"/>
    <col min="6671" max="6671" width="19.625" style="219" customWidth="1"/>
    <col min="6672" max="6672" width="33.875" style="219" customWidth="1"/>
    <col min="6673" max="6673" width="25" style="219" customWidth="1"/>
    <col min="6674" max="6674" width="13.625" style="219" customWidth="1"/>
    <col min="6675" max="6688" width="4.875" style="219" customWidth="1"/>
    <col min="6689" max="6689" width="12" style="219" bestFit="1" customWidth="1"/>
    <col min="6690" max="6923" width="9" style="219"/>
    <col min="6924" max="6924" width="4.25" style="219" customWidth="1"/>
    <col min="6925" max="6925" width="25" style="219" customWidth="1"/>
    <col min="6926" max="6926" width="41.625" style="219" customWidth="1"/>
    <col min="6927" max="6927" width="19.625" style="219" customWidth="1"/>
    <col min="6928" max="6928" width="33.875" style="219" customWidth="1"/>
    <col min="6929" max="6929" width="25" style="219" customWidth="1"/>
    <col min="6930" max="6930" width="13.625" style="219" customWidth="1"/>
    <col min="6931" max="6944" width="4.875" style="219" customWidth="1"/>
    <col min="6945" max="6945" width="12" style="219" bestFit="1" customWidth="1"/>
    <col min="6946" max="7179" width="9" style="219"/>
    <col min="7180" max="7180" width="4.25" style="219" customWidth="1"/>
    <col min="7181" max="7181" width="25" style="219" customWidth="1"/>
    <col min="7182" max="7182" width="41.625" style="219" customWidth="1"/>
    <col min="7183" max="7183" width="19.625" style="219" customWidth="1"/>
    <col min="7184" max="7184" width="33.875" style="219" customWidth="1"/>
    <col min="7185" max="7185" width="25" style="219" customWidth="1"/>
    <col min="7186" max="7186" width="13.625" style="219" customWidth="1"/>
    <col min="7187" max="7200" width="4.875" style="219" customWidth="1"/>
    <col min="7201" max="7201" width="12" style="219" bestFit="1" customWidth="1"/>
    <col min="7202" max="7435" width="9" style="219"/>
    <col min="7436" max="7436" width="4.25" style="219" customWidth="1"/>
    <col min="7437" max="7437" width="25" style="219" customWidth="1"/>
    <col min="7438" max="7438" width="41.625" style="219" customWidth="1"/>
    <col min="7439" max="7439" width="19.625" style="219" customWidth="1"/>
    <col min="7440" max="7440" width="33.875" style="219" customWidth="1"/>
    <col min="7441" max="7441" width="25" style="219" customWidth="1"/>
    <col min="7442" max="7442" width="13.625" style="219" customWidth="1"/>
    <col min="7443" max="7456" width="4.875" style="219" customWidth="1"/>
    <col min="7457" max="7457" width="12" style="219" bestFit="1" customWidth="1"/>
    <col min="7458" max="7691" width="9" style="219"/>
    <col min="7692" max="7692" width="4.25" style="219" customWidth="1"/>
    <col min="7693" max="7693" width="25" style="219" customWidth="1"/>
    <col min="7694" max="7694" width="41.625" style="219" customWidth="1"/>
    <col min="7695" max="7695" width="19.625" style="219" customWidth="1"/>
    <col min="7696" max="7696" width="33.875" style="219" customWidth="1"/>
    <col min="7697" max="7697" width="25" style="219" customWidth="1"/>
    <col min="7698" max="7698" width="13.625" style="219" customWidth="1"/>
    <col min="7699" max="7712" width="4.875" style="219" customWidth="1"/>
    <col min="7713" max="7713" width="12" style="219" bestFit="1" customWidth="1"/>
    <col min="7714" max="7947" width="9" style="219"/>
    <col min="7948" max="7948" width="4.25" style="219" customWidth="1"/>
    <col min="7949" max="7949" width="25" style="219" customWidth="1"/>
    <col min="7950" max="7950" width="41.625" style="219" customWidth="1"/>
    <col min="7951" max="7951" width="19.625" style="219" customWidth="1"/>
    <col min="7952" max="7952" width="33.875" style="219" customWidth="1"/>
    <col min="7953" max="7953" width="25" style="219" customWidth="1"/>
    <col min="7954" max="7954" width="13.625" style="219" customWidth="1"/>
    <col min="7955" max="7968" width="4.875" style="219" customWidth="1"/>
    <col min="7969" max="7969" width="12" style="219" bestFit="1" customWidth="1"/>
    <col min="7970" max="8203" width="9" style="219"/>
    <col min="8204" max="8204" width="4.25" style="219" customWidth="1"/>
    <col min="8205" max="8205" width="25" style="219" customWidth="1"/>
    <col min="8206" max="8206" width="41.625" style="219" customWidth="1"/>
    <col min="8207" max="8207" width="19.625" style="219" customWidth="1"/>
    <col min="8208" max="8208" width="33.875" style="219" customWidth="1"/>
    <col min="8209" max="8209" width="25" style="219" customWidth="1"/>
    <col min="8210" max="8210" width="13.625" style="219" customWidth="1"/>
    <col min="8211" max="8224" width="4.875" style="219" customWidth="1"/>
    <col min="8225" max="8225" width="12" style="219" bestFit="1" customWidth="1"/>
    <col min="8226" max="8459" width="9" style="219"/>
    <col min="8460" max="8460" width="4.25" style="219" customWidth="1"/>
    <col min="8461" max="8461" width="25" style="219" customWidth="1"/>
    <col min="8462" max="8462" width="41.625" style="219" customWidth="1"/>
    <col min="8463" max="8463" width="19.625" style="219" customWidth="1"/>
    <col min="8464" max="8464" width="33.875" style="219" customWidth="1"/>
    <col min="8465" max="8465" width="25" style="219" customWidth="1"/>
    <col min="8466" max="8466" width="13.625" style="219" customWidth="1"/>
    <col min="8467" max="8480" width="4.875" style="219" customWidth="1"/>
    <col min="8481" max="8481" width="12" style="219" bestFit="1" customWidth="1"/>
    <col min="8482" max="8715" width="9" style="219"/>
    <col min="8716" max="8716" width="4.25" style="219" customWidth="1"/>
    <col min="8717" max="8717" width="25" style="219" customWidth="1"/>
    <col min="8718" max="8718" width="41.625" style="219" customWidth="1"/>
    <col min="8719" max="8719" width="19.625" style="219" customWidth="1"/>
    <col min="8720" max="8720" width="33.875" style="219" customWidth="1"/>
    <col min="8721" max="8721" width="25" style="219" customWidth="1"/>
    <col min="8722" max="8722" width="13.625" style="219" customWidth="1"/>
    <col min="8723" max="8736" width="4.875" style="219" customWidth="1"/>
    <col min="8737" max="8737" width="12" style="219" bestFit="1" customWidth="1"/>
    <col min="8738" max="8971" width="9" style="219"/>
    <col min="8972" max="8972" width="4.25" style="219" customWidth="1"/>
    <col min="8973" max="8973" width="25" style="219" customWidth="1"/>
    <col min="8974" max="8974" width="41.625" style="219" customWidth="1"/>
    <col min="8975" max="8975" width="19.625" style="219" customWidth="1"/>
    <col min="8976" max="8976" width="33.875" style="219" customWidth="1"/>
    <col min="8977" max="8977" width="25" style="219" customWidth="1"/>
    <col min="8978" max="8978" width="13.625" style="219" customWidth="1"/>
    <col min="8979" max="8992" width="4.875" style="219" customWidth="1"/>
    <col min="8993" max="8993" width="12" style="219" bestFit="1" customWidth="1"/>
    <col min="8994" max="9227" width="9" style="219"/>
    <col min="9228" max="9228" width="4.25" style="219" customWidth="1"/>
    <col min="9229" max="9229" width="25" style="219" customWidth="1"/>
    <col min="9230" max="9230" width="41.625" style="219" customWidth="1"/>
    <col min="9231" max="9231" width="19.625" style="219" customWidth="1"/>
    <col min="9232" max="9232" width="33.875" style="219" customWidth="1"/>
    <col min="9233" max="9233" width="25" style="219" customWidth="1"/>
    <col min="9234" max="9234" width="13.625" style="219" customWidth="1"/>
    <col min="9235" max="9248" width="4.875" style="219" customWidth="1"/>
    <col min="9249" max="9249" width="12" style="219" bestFit="1" customWidth="1"/>
    <col min="9250" max="9483" width="9" style="219"/>
    <col min="9484" max="9484" width="4.25" style="219" customWidth="1"/>
    <col min="9485" max="9485" width="25" style="219" customWidth="1"/>
    <col min="9486" max="9486" width="41.625" style="219" customWidth="1"/>
    <col min="9487" max="9487" width="19.625" style="219" customWidth="1"/>
    <col min="9488" max="9488" width="33.875" style="219" customWidth="1"/>
    <col min="9489" max="9489" width="25" style="219" customWidth="1"/>
    <col min="9490" max="9490" width="13.625" style="219" customWidth="1"/>
    <col min="9491" max="9504" width="4.875" style="219" customWidth="1"/>
    <col min="9505" max="9505" width="12" style="219" bestFit="1" customWidth="1"/>
    <col min="9506" max="9739" width="9" style="219"/>
    <col min="9740" max="9740" width="4.25" style="219" customWidth="1"/>
    <col min="9741" max="9741" width="25" style="219" customWidth="1"/>
    <col min="9742" max="9742" width="41.625" style="219" customWidth="1"/>
    <col min="9743" max="9743" width="19.625" style="219" customWidth="1"/>
    <col min="9744" max="9744" width="33.875" style="219" customWidth="1"/>
    <col min="9745" max="9745" width="25" style="219" customWidth="1"/>
    <col min="9746" max="9746" width="13.625" style="219" customWidth="1"/>
    <col min="9747" max="9760" width="4.875" style="219" customWidth="1"/>
    <col min="9761" max="9761" width="12" style="219" bestFit="1" customWidth="1"/>
    <col min="9762" max="9995" width="9" style="219"/>
    <col min="9996" max="9996" width="4.25" style="219" customWidth="1"/>
    <col min="9997" max="9997" width="25" style="219" customWidth="1"/>
    <col min="9998" max="9998" width="41.625" style="219" customWidth="1"/>
    <col min="9999" max="9999" width="19.625" style="219" customWidth="1"/>
    <col min="10000" max="10000" width="33.875" style="219" customWidth="1"/>
    <col min="10001" max="10001" width="25" style="219" customWidth="1"/>
    <col min="10002" max="10002" width="13.625" style="219" customWidth="1"/>
    <col min="10003" max="10016" width="4.875" style="219" customWidth="1"/>
    <col min="10017" max="10017" width="12" style="219" bestFit="1" customWidth="1"/>
    <col min="10018" max="10251" width="9" style="219"/>
    <col min="10252" max="10252" width="4.25" style="219" customWidth="1"/>
    <col min="10253" max="10253" width="25" style="219" customWidth="1"/>
    <col min="10254" max="10254" width="41.625" style="219" customWidth="1"/>
    <col min="10255" max="10255" width="19.625" style="219" customWidth="1"/>
    <col min="10256" max="10256" width="33.875" style="219" customWidth="1"/>
    <col min="10257" max="10257" width="25" style="219" customWidth="1"/>
    <col min="10258" max="10258" width="13.625" style="219" customWidth="1"/>
    <col min="10259" max="10272" width="4.875" style="219" customWidth="1"/>
    <col min="10273" max="10273" width="12" style="219" bestFit="1" customWidth="1"/>
    <col min="10274" max="10507" width="9" style="219"/>
    <col min="10508" max="10508" width="4.25" style="219" customWidth="1"/>
    <col min="10509" max="10509" width="25" style="219" customWidth="1"/>
    <col min="10510" max="10510" width="41.625" style="219" customWidth="1"/>
    <col min="10511" max="10511" width="19.625" style="219" customWidth="1"/>
    <col min="10512" max="10512" width="33.875" style="219" customWidth="1"/>
    <col min="10513" max="10513" width="25" style="219" customWidth="1"/>
    <col min="10514" max="10514" width="13.625" style="219" customWidth="1"/>
    <col min="10515" max="10528" width="4.875" style="219" customWidth="1"/>
    <col min="10529" max="10529" width="12" style="219" bestFit="1" customWidth="1"/>
    <col min="10530" max="10763" width="9" style="219"/>
    <col min="10764" max="10764" width="4.25" style="219" customWidth="1"/>
    <col min="10765" max="10765" width="25" style="219" customWidth="1"/>
    <col min="10766" max="10766" width="41.625" style="219" customWidth="1"/>
    <col min="10767" max="10767" width="19.625" style="219" customWidth="1"/>
    <col min="10768" max="10768" width="33.875" style="219" customWidth="1"/>
    <col min="10769" max="10769" width="25" style="219" customWidth="1"/>
    <col min="10770" max="10770" width="13.625" style="219" customWidth="1"/>
    <col min="10771" max="10784" width="4.875" style="219" customWidth="1"/>
    <col min="10785" max="10785" width="12" style="219" bestFit="1" customWidth="1"/>
    <col min="10786" max="11019" width="9" style="219"/>
    <col min="11020" max="11020" width="4.25" style="219" customWidth="1"/>
    <col min="11021" max="11021" width="25" style="219" customWidth="1"/>
    <col min="11022" max="11022" width="41.625" style="219" customWidth="1"/>
    <col min="11023" max="11023" width="19.625" style="219" customWidth="1"/>
    <col min="11024" max="11024" width="33.875" style="219" customWidth="1"/>
    <col min="11025" max="11025" width="25" style="219" customWidth="1"/>
    <col min="11026" max="11026" width="13.625" style="219" customWidth="1"/>
    <col min="11027" max="11040" width="4.875" style="219" customWidth="1"/>
    <col min="11041" max="11041" width="12" style="219" bestFit="1" customWidth="1"/>
    <col min="11042" max="11275" width="9" style="219"/>
    <col min="11276" max="11276" width="4.25" style="219" customWidth="1"/>
    <col min="11277" max="11277" width="25" style="219" customWidth="1"/>
    <col min="11278" max="11278" width="41.625" style="219" customWidth="1"/>
    <col min="11279" max="11279" width="19.625" style="219" customWidth="1"/>
    <col min="11280" max="11280" width="33.875" style="219" customWidth="1"/>
    <col min="11281" max="11281" width="25" style="219" customWidth="1"/>
    <col min="11282" max="11282" width="13.625" style="219" customWidth="1"/>
    <col min="11283" max="11296" width="4.875" style="219" customWidth="1"/>
    <col min="11297" max="11297" width="12" style="219" bestFit="1" customWidth="1"/>
    <col min="11298" max="11531" width="9" style="219"/>
    <col min="11532" max="11532" width="4.25" style="219" customWidth="1"/>
    <col min="11533" max="11533" width="25" style="219" customWidth="1"/>
    <col min="11534" max="11534" width="41.625" style="219" customWidth="1"/>
    <col min="11535" max="11535" width="19.625" style="219" customWidth="1"/>
    <col min="11536" max="11536" width="33.875" style="219" customWidth="1"/>
    <col min="11537" max="11537" width="25" style="219" customWidth="1"/>
    <col min="11538" max="11538" width="13.625" style="219" customWidth="1"/>
    <col min="11539" max="11552" width="4.875" style="219" customWidth="1"/>
    <col min="11553" max="11553" width="12" style="219" bestFit="1" customWidth="1"/>
    <col min="11554" max="11787" width="9" style="219"/>
    <col min="11788" max="11788" width="4.25" style="219" customWidth="1"/>
    <col min="11789" max="11789" width="25" style="219" customWidth="1"/>
    <col min="11790" max="11790" width="41.625" style="219" customWidth="1"/>
    <col min="11791" max="11791" width="19.625" style="219" customWidth="1"/>
    <col min="11792" max="11792" width="33.875" style="219" customWidth="1"/>
    <col min="11793" max="11793" width="25" style="219" customWidth="1"/>
    <col min="11794" max="11794" width="13.625" style="219" customWidth="1"/>
    <col min="11795" max="11808" width="4.875" style="219" customWidth="1"/>
    <col min="11809" max="11809" width="12" style="219" bestFit="1" customWidth="1"/>
    <col min="11810" max="12043" width="9" style="219"/>
    <col min="12044" max="12044" width="4.25" style="219" customWidth="1"/>
    <col min="12045" max="12045" width="25" style="219" customWidth="1"/>
    <col min="12046" max="12046" width="41.625" style="219" customWidth="1"/>
    <col min="12047" max="12047" width="19.625" style="219" customWidth="1"/>
    <col min="12048" max="12048" width="33.875" style="219" customWidth="1"/>
    <col min="12049" max="12049" width="25" style="219" customWidth="1"/>
    <col min="12050" max="12050" width="13.625" style="219" customWidth="1"/>
    <col min="12051" max="12064" width="4.875" style="219" customWidth="1"/>
    <col min="12065" max="12065" width="12" style="219" bestFit="1" customWidth="1"/>
    <col min="12066" max="12299" width="9" style="219"/>
    <col min="12300" max="12300" width="4.25" style="219" customWidth="1"/>
    <col min="12301" max="12301" width="25" style="219" customWidth="1"/>
    <col min="12302" max="12302" width="41.625" style="219" customWidth="1"/>
    <col min="12303" max="12303" width="19.625" style="219" customWidth="1"/>
    <col min="12304" max="12304" width="33.875" style="219" customWidth="1"/>
    <col min="12305" max="12305" width="25" style="219" customWidth="1"/>
    <col min="12306" max="12306" width="13.625" style="219" customWidth="1"/>
    <col min="12307" max="12320" width="4.875" style="219" customWidth="1"/>
    <col min="12321" max="12321" width="12" style="219" bestFit="1" customWidth="1"/>
    <col min="12322" max="12555" width="9" style="219"/>
    <col min="12556" max="12556" width="4.25" style="219" customWidth="1"/>
    <col min="12557" max="12557" width="25" style="219" customWidth="1"/>
    <col min="12558" max="12558" width="41.625" style="219" customWidth="1"/>
    <col min="12559" max="12559" width="19.625" style="219" customWidth="1"/>
    <col min="12560" max="12560" width="33.875" style="219" customWidth="1"/>
    <col min="12561" max="12561" width="25" style="219" customWidth="1"/>
    <col min="12562" max="12562" width="13.625" style="219" customWidth="1"/>
    <col min="12563" max="12576" width="4.875" style="219" customWidth="1"/>
    <col min="12577" max="12577" width="12" style="219" bestFit="1" customWidth="1"/>
    <col min="12578" max="12811" width="9" style="219"/>
    <col min="12812" max="12812" width="4.25" style="219" customWidth="1"/>
    <col min="12813" max="12813" width="25" style="219" customWidth="1"/>
    <col min="12814" max="12814" width="41.625" style="219" customWidth="1"/>
    <col min="12815" max="12815" width="19.625" style="219" customWidth="1"/>
    <col min="12816" max="12816" width="33.875" style="219" customWidth="1"/>
    <col min="12817" max="12817" width="25" style="219" customWidth="1"/>
    <col min="12818" max="12818" width="13.625" style="219" customWidth="1"/>
    <col min="12819" max="12832" width="4.875" style="219" customWidth="1"/>
    <col min="12833" max="12833" width="12" style="219" bestFit="1" customWidth="1"/>
    <col min="12834" max="13067" width="9" style="219"/>
    <col min="13068" max="13068" width="4.25" style="219" customWidth="1"/>
    <col min="13069" max="13069" width="25" style="219" customWidth="1"/>
    <col min="13070" max="13070" width="41.625" style="219" customWidth="1"/>
    <col min="13071" max="13071" width="19.625" style="219" customWidth="1"/>
    <col min="13072" max="13072" width="33.875" style="219" customWidth="1"/>
    <col min="13073" max="13073" width="25" style="219" customWidth="1"/>
    <col min="13074" max="13074" width="13.625" style="219" customWidth="1"/>
    <col min="13075" max="13088" width="4.875" style="219" customWidth="1"/>
    <col min="13089" max="13089" width="12" style="219" bestFit="1" customWidth="1"/>
    <col min="13090" max="13323" width="9" style="219"/>
    <col min="13324" max="13324" width="4.25" style="219" customWidth="1"/>
    <col min="13325" max="13325" width="25" style="219" customWidth="1"/>
    <col min="13326" max="13326" width="41.625" style="219" customWidth="1"/>
    <col min="13327" max="13327" width="19.625" style="219" customWidth="1"/>
    <col min="13328" max="13328" width="33.875" style="219" customWidth="1"/>
    <col min="13329" max="13329" width="25" style="219" customWidth="1"/>
    <col min="13330" max="13330" width="13.625" style="219" customWidth="1"/>
    <col min="13331" max="13344" width="4.875" style="219" customWidth="1"/>
    <col min="13345" max="13345" width="12" style="219" bestFit="1" customWidth="1"/>
    <col min="13346" max="13579" width="9" style="219"/>
    <col min="13580" max="13580" width="4.25" style="219" customWidth="1"/>
    <col min="13581" max="13581" width="25" style="219" customWidth="1"/>
    <col min="13582" max="13582" width="41.625" style="219" customWidth="1"/>
    <col min="13583" max="13583" width="19.625" style="219" customWidth="1"/>
    <col min="13584" max="13584" width="33.875" style="219" customWidth="1"/>
    <col min="13585" max="13585" width="25" style="219" customWidth="1"/>
    <col min="13586" max="13586" width="13.625" style="219" customWidth="1"/>
    <col min="13587" max="13600" width="4.875" style="219" customWidth="1"/>
    <col min="13601" max="13601" width="12" style="219" bestFit="1" customWidth="1"/>
    <col min="13602" max="13835" width="9" style="219"/>
    <col min="13836" max="13836" width="4.25" style="219" customWidth="1"/>
    <col min="13837" max="13837" width="25" style="219" customWidth="1"/>
    <col min="13838" max="13838" width="41.625" style="219" customWidth="1"/>
    <col min="13839" max="13839" width="19.625" style="219" customWidth="1"/>
    <col min="13840" max="13840" width="33.875" style="219" customWidth="1"/>
    <col min="13841" max="13841" width="25" style="219" customWidth="1"/>
    <col min="13842" max="13842" width="13.625" style="219" customWidth="1"/>
    <col min="13843" max="13856" width="4.875" style="219" customWidth="1"/>
    <col min="13857" max="13857" width="12" style="219" bestFit="1" customWidth="1"/>
    <col min="13858" max="14091" width="9" style="219"/>
    <col min="14092" max="14092" width="4.25" style="219" customWidth="1"/>
    <col min="14093" max="14093" width="25" style="219" customWidth="1"/>
    <col min="14094" max="14094" width="41.625" style="219" customWidth="1"/>
    <col min="14095" max="14095" width="19.625" style="219" customWidth="1"/>
    <col min="14096" max="14096" width="33.875" style="219" customWidth="1"/>
    <col min="14097" max="14097" width="25" style="219" customWidth="1"/>
    <col min="14098" max="14098" width="13.625" style="219" customWidth="1"/>
    <col min="14099" max="14112" width="4.875" style="219" customWidth="1"/>
    <col min="14113" max="14113" width="12" style="219" bestFit="1" customWidth="1"/>
    <col min="14114" max="14347" width="9" style="219"/>
    <col min="14348" max="14348" width="4.25" style="219" customWidth="1"/>
    <col min="14349" max="14349" width="25" style="219" customWidth="1"/>
    <col min="14350" max="14350" width="41.625" style="219" customWidth="1"/>
    <col min="14351" max="14351" width="19.625" style="219" customWidth="1"/>
    <col min="14352" max="14352" width="33.875" style="219" customWidth="1"/>
    <col min="14353" max="14353" width="25" style="219" customWidth="1"/>
    <col min="14354" max="14354" width="13.625" style="219" customWidth="1"/>
    <col min="14355" max="14368" width="4.875" style="219" customWidth="1"/>
    <col min="14369" max="14369" width="12" style="219" bestFit="1" customWidth="1"/>
    <col min="14370" max="14603" width="9" style="219"/>
    <col min="14604" max="14604" width="4.25" style="219" customWidth="1"/>
    <col min="14605" max="14605" width="25" style="219" customWidth="1"/>
    <col min="14606" max="14606" width="41.625" style="219" customWidth="1"/>
    <col min="14607" max="14607" width="19.625" style="219" customWidth="1"/>
    <col min="14608" max="14608" width="33.875" style="219" customWidth="1"/>
    <col min="14609" max="14609" width="25" style="219" customWidth="1"/>
    <col min="14610" max="14610" width="13.625" style="219" customWidth="1"/>
    <col min="14611" max="14624" width="4.875" style="219" customWidth="1"/>
    <col min="14625" max="14625" width="12" style="219" bestFit="1" customWidth="1"/>
    <col min="14626" max="14859" width="9" style="219"/>
    <col min="14860" max="14860" width="4.25" style="219" customWidth="1"/>
    <col min="14861" max="14861" width="25" style="219" customWidth="1"/>
    <col min="14862" max="14862" width="41.625" style="219" customWidth="1"/>
    <col min="14863" max="14863" width="19.625" style="219" customWidth="1"/>
    <col min="14864" max="14864" width="33.875" style="219" customWidth="1"/>
    <col min="14865" max="14865" width="25" style="219" customWidth="1"/>
    <col min="14866" max="14866" width="13.625" style="219" customWidth="1"/>
    <col min="14867" max="14880" width="4.875" style="219" customWidth="1"/>
    <col min="14881" max="14881" width="12" style="219" bestFit="1" customWidth="1"/>
    <col min="14882" max="15115" width="9" style="219"/>
    <col min="15116" max="15116" width="4.25" style="219" customWidth="1"/>
    <col min="15117" max="15117" width="25" style="219" customWidth="1"/>
    <col min="15118" max="15118" width="41.625" style="219" customWidth="1"/>
    <col min="15119" max="15119" width="19.625" style="219" customWidth="1"/>
    <col min="15120" max="15120" width="33.875" style="219" customWidth="1"/>
    <col min="15121" max="15121" width="25" style="219" customWidth="1"/>
    <col min="15122" max="15122" width="13.625" style="219" customWidth="1"/>
    <col min="15123" max="15136" width="4.875" style="219" customWidth="1"/>
    <col min="15137" max="15137" width="12" style="219" bestFit="1" customWidth="1"/>
    <col min="15138" max="15371" width="9" style="219"/>
    <col min="15372" max="15372" width="4.25" style="219" customWidth="1"/>
    <col min="15373" max="15373" width="25" style="219" customWidth="1"/>
    <col min="15374" max="15374" width="41.625" style="219" customWidth="1"/>
    <col min="15375" max="15375" width="19.625" style="219" customWidth="1"/>
    <col min="15376" max="15376" width="33.875" style="219" customWidth="1"/>
    <col min="15377" max="15377" width="25" style="219" customWidth="1"/>
    <col min="15378" max="15378" width="13.625" style="219" customWidth="1"/>
    <col min="15379" max="15392" width="4.875" style="219" customWidth="1"/>
    <col min="15393" max="15393" width="12" style="219" bestFit="1" customWidth="1"/>
    <col min="15394" max="15627" width="9" style="219"/>
    <col min="15628" max="15628" width="4.25" style="219" customWidth="1"/>
    <col min="15629" max="15629" width="25" style="219" customWidth="1"/>
    <col min="15630" max="15630" width="41.625" style="219" customWidth="1"/>
    <col min="15631" max="15631" width="19.625" style="219" customWidth="1"/>
    <col min="15632" max="15632" width="33.875" style="219" customWidth="1"/>
    <col min="15633" max="15633" width="25" style="219" customWidth="1"/>
    <col min="15634" max="15634" width="13.625" style="219" customWidth="1"/>
    <col min="15635" max="15648" width="4.875" style="219" customWidth="1"/>
    <col min="15649" max="15649" width="12" style="219" bestFit="1" customWidth="1"/>
    <col min="15650" max="15883" width="9" style="219"/>
    <col min="15884" max="15884" width="4.25" style="219" customWidth="1"/>
    <col min="15885" max="15885" width="25" style="219" customWidth="1"/>
    <col min="15886" max="15886" width="41.625" style="219" customWidth="1"/>
    <col min="15887" max="15887" width="19.625" style="219" customWidth="1"/>
    <col min="15888" max="15888" width="33.875" style="219" customWidth="1"/>
    <col min="15889" max="15889" width="25" style="219" customWidth="1"/>
    <col min="15890" max="15890" width="13.625" style="219" customWidth="1"/>
    <col min="15891" max="15904" width="4.875" style="219" customWidth="1"/>
    <col min="15905" max="15905" width="12" style="219" bestFit="1" customWidth="1"/>
    <col min="15906" max="16139" width="9" style="219"/>
    <col min="16140" max="16140" width="4.25" style="219" customWidth="1"/>
    <col min="16141" max="16141" width="25" style="219" customWidth="1"/>
    <col min="16142" max="16142" width="41.625" style="219" customWidth="1"/>
    <col min="16143" max="16143" width="19.625" style="219" customWidth="1"/>
    <col min="16144" max="16144" width="33.875" style="219" customWidth="1"/>
    <col min="16145" max="16145" width="25" style="219" customWidth="1"/>
    <col min="16146" max="16146" width="13.625" style="219" customWidth="1"/>
    <col min="16147" max="16160" width="4.875" style="219" customWidth="1"/>
    <col min="16161" max="16161" width="12" style="219" bestFit="1" customWidth="1"/>
    <col min="16162" max="16384" width="9" style="219"/>
  </cols>
  <sheetData>
    <row r="2" spans="1:33" ht="20.25" customHeight="1" x14ac:dyDescent="0.15">
      <c r="A2" s="86" t="s">
        <v>163</v>
      </c>
      <c r="B2" s="86"/>
      <c r="C2" s="198"/>
      <c r="D2" s="198"/>
      <c r="E2" s="198"/>
      <c r="F2" s="198"/>
      <c r="G2" s="96"/>
      <c r="H2" s="198"/>
      <c r="I2" s="198"/>
      <c r="J2" s="198"/>
      <c r="K2" s="198"/>
      <c r="L2" s="198"/>
      <c r="M2" s="198"/>
      <c r="N2" s="198"/>
      <c r="O2" s="198"/>
      <c r="P2" s="198"/>
      <c r="Q2" s="198"/>
      <c r="R2" s="198"/>
      <c r="S2" s="198"/>
      <c r="T2" s="198"/>
      <c r="U2" s="198"/>
      <c r="V2" s="198"/>
      <c r="W2" s="198"/>
      <c r="X2" s="198"/>
      <c r="Y2" s="198"/>
      <c r="Z2" s="198"/>
      <c r="AA2" s="198"/>
      <c r="AB2" s="198"/>
      <c r="AC2" s="198"/>
      <c r="AD2" s="198"/>
      <c r="AE2" s="198"/>
      <c r="AF2" s="198"/>
    </row>
    <row r="3" spans="1:33" ht="20.25" customHeight="1" x14ac:dyDescent="0.15">
      <c r="A3" s="278" t="s">
        <v>2</v>
      </c>
      <c r="B3" s="278"/>
      <c r="C3" s="278"/>
      <c r="D3" s="278"/>
      <c r="E3" s="278"/>
      <c r="F3" s="278"/>
      <c r="G3" s="278"/>
      <c r="H3" s="278"/>
      <c r="I3" s="278"/>
      <c r="J3" s="278"/>
      <c r="K3" s="278"/>
      <c r="L3" s="278"/>
      <c r="M3" s="278"/>
      <c r="N3" s="278"/>
      <c r="O3" s="278"/>
      <c r="P3" s="278"/>
      <c r="Q3" s="278"/>
      <c r="R3" s="278"/>
      <c r="S3" s="278"/>
      <c r="T3" s="278"/>
      <c r="U3" s="278"/>
      <c r="V3" s="278"/>
      <c r="W3" s="278"/>
      <c r="X3" s="278"/>
      <c r="Y3" s="278"/>
      <c r="Z3" s="278"/>
      <c r="AA3" s="278"/>
      <c r="AB3" s="278"/>
      <c r="AC3" s="278"/>
      <c r="AD3" s="278"/>
      <c r="AE3" s="278"/>
      <c r="AF3" s="278"/>
    </row>
    <row r="4" spans="1:33" ht="20.25" customHeight="1" x14ac:dyDescent="0.15">
      <c r="A4" s="111"/>
      <c r="B4" s="111"/>
      <c r="C4" s="198"/>
      <c r="D4" s="198"/>
      <c r="E4" s="198"/>
      <c r="F4" s="198"/>
      <c r="G4" s="96"/>
      <c r="H4" s="198"/>
      <c r="I4" s="198"/>
      <c r="J4" s="198"/>
      <c r="K4" s="198"/>
      <c r="L4" s="198"/>
      <c r="M4" s="198"/>
      <c r="N4" s="198"/>
      <c r="O4" s="198"/>
      <c r="P4" s="198"/>
      <c r="Q4" s="198"/>
      <c r="R4" s="198"/>
      <c r="S4" s="198"/>
      <c r="T4" s="198"/>
      <c r="U4" s="198"/>
      <c r="V4" s="198"/>
      <c r="W4" s="198"/>
      <c r="X4" s="198"/>
      <c r="Y4" s="198"/>
      <c r="Z4" s="198"/>
      <c r="AA4" s="198"/>
      <c r="AB4" s="198"/>
      <c r="AC4" s="198"/>
      <c r="AD4" s="198"/>
      <c r="AE4" s="198"/>
      <c r="AF4" s="198"/>
    </row>
    <row r="5" spans="1:33" ht="30" customHeight="1" x14ac:dyDescent="0.15">
      <c r="A5" s="111"/>
      <c r="B5" s="111"/>
      <c r="C5" s="198"/>
      <c r="D5" s="198"/>
      <c r="E5" s="198"/>
      <c r="F5" s="198"/>
      <c r="G5" s="96"/>
      <c r="H5" s="198"/>
      <c r="I5" s="198"/>
      <c r="J5" s="111"/>
      <c r="K5" s="111"/>
      <c r="L5" s="111"/>
      <c r="M5" s="111"/>
      <c r="N5" s="111"/>
      <c r="O5" s="111"/>
      <c r="P5" s="111"/>
      <c r="Q5" s="111"/>
      <c r="R5" s="111"/>
      <c r="S5" s="279" t="s">
        <v>161</v>
      </c>
      <c r="T5" s="280"/>
      <c r="U5" s="280"/>
      <c r="V5" s="281"/>
      <c r="W5" s="186"/>
      <c r="X5" s="187"/>
      <c r="Y5" s="187"/>
      <c r="Z5" s="187"/>
      <c r="AA5" s="187"/>
      <c r="AB5" s="187"/>
      <c r="AC5" s="187"/>
      <c r="AD5" s="187"/>
      <c r="AE5" s="187"/>
      <c r="AF5" s="201"/>
    </row>
    <row r="6" spans="1:33" ht="20.25" customHeight="1" x14ac:dyDescent="0.15">
      <c r="A6" s="111"/>
      <c r="B6" s="111"/>
      <c r="C6" s="198"/>
      <c r="D6" s="198"/>
      <c r="E6" s="198"/>
      <c r="F6" s="198"/>
      <c r="G6" s="96"/>
      <c r="H6" s="198"/>
      <c r="I6" s="198"/>
      <c r="J6" s="198"/>
      <c r="K6" s="198"/>
      <c r="L6" s="198"/>
      <c r="M6" s="198"/>
      <c r="N6" s="198"/>
      <c r="O6" s="198"/>
      <c r="P6" s="198"/>
      <c r="Q6" s="198"/>
      <c r="R6" s="198"/>
      <c r="S6" s="198"/>
      <c r="T6" s="198"/>
      <c r="U6" s="198"/>
      <c r="V6" s="198"/>
      <c r="W6" s="198"/>
      <c r="X6" s="198"/>
      <c r="Y6" s="198"/>
      <c r="Z6" s="198"/>
      <c r="AA6" s="198"/>
      <c r="AB6" s="198"/>
      <c r="AC6" s="198"/>
      <c r="AD6" s="198"/>
      <c r="AE6" s="198"/>
      <c r="AF6" s="198"/>
    </row>
    <row r="7" spans="1:33" ht="18" customHeight="1" x14ac:dyDescent="0.15">
      <c r="A7" s="279" t="s">
        <v>88</v>
      </c>
      <c r="B7" s="280"/>
      <c r="C7" s="281"/>
      <c r="D7" s="279" t="s">
        <v>3</v>
      </c>
      <c r="E7" s="281"/>
      <c r="F7" s="282" t="s">
        <v>89</v>
      </c>
      <c r="G7" s="283"/>
      <c r="H7" s="279" t="s">
        <v>90</v>
      </c>
      <c r="I7" s="280"/>
      <c r="J7" s="280"/>
      <c r="K7" s="280"/>
      <c r="L7" s="280"/>
      <c r="M7" s="280"/>
      <c r="N7" s="280"/>
      <c r="O7" s="280"/>
      <c r="P7" s="280"/>
      <c r="Q7" s="280"/>
      <c r="R7" s="280"/>
      <c r="S7" s="280"/>
      <c r="T7" s="280"/>
      <c r="U7" s="280"/>
      <c r="V7" s="280"/>
      <c r="W7" s="280"/>
      <c r="X7" s="281"/>
      <c r="Y7" s="279" t="s">
        <v>167</v>
      </c>
      <c r="Z7" s="280"/>
      <c r="AA7" s="280"/>
      <c r="AB7" s="281"/>
      <c r="AC7" s="279" t="s">
        <v>91</v>
      </c>
      <c r="AD7" s="280"/>
      <c r="AE7" s="280"/>
      <c r="AF7" s="281"/>
    </row>
    <row r="8" spans="1:33" ht="18.75" customHeight="1" x14ac:dyDescent="0.15">
      <c r="A8" s="264" t="s">
        <v>92</v>
      </c>
      <c r="B8" s="265"/>
      <c r="C8" s="266"/>
      <c r="D8" s="202"/>
      <c r="E8" s="120"/>
      <c r="F8" s="118"/>
      <c r="G8" s="185"/>
      <c r="H8" s="270" t="s">
        <v>93</v>
      </c>
      <c r="I8" s="217" t="s">
        <v>212</v>
      </c>
      <c r="J8" s="103" t="s">
        <v>175</v>
      </c>
      <c r="K8" s="124"/>
      <c r="L8" s="124"/>
      <c r="M8" s="217" t="s">
        <v>212</v>
      </c>
      <c r="N8" s="103" t="s">
        <v>176</v>
      </c>
      <c r="O8" s="124"/>
      <c r="P8" s="124"/>
      <c r="Q8" s="217" t="s">
        <v>212</v>
      </c>
      <c r="R8" s="103" t="s">
        <v>177</v>
      </c>
      <c r="S8" s="124"/>
      <c r="T8" s="124"/>
      <c r="U8" s="217" t="s">
        <v>212</v>
      </c>
      <c r="V8" s="103" t="s">
        <v>178</v>
      </c>
      <c r="W8" s="124"/>
      <c r="X8" s="128"/>
      <c r="Y8" s="272"/>
      <c r="Z8" s="273"/>
      <c r="AA8" s="273"/>
      <c r="AB8" s="274"/>
      <c r="AC8" s="272"/>
      <c r="AD8" s="273"/>
      <c r="AE8" s="273"/>
      <c r="AF8" s="274"/>
    </row>
    <row r="9" spans="1:33" ht="18.75" customHeight="1" x14ac:dyDescent="0.15">
      <c r="A9" s="267"/>
      <c r="B9" s="268"/>
      <c r="C9" s="269"/>
      <c r="D9" s="204"/>
      <c r="E9" s="122"/>
      <c r="F9" s="121"/>
      <c r="G9" s="153"/>
      <c r="H9" s="271"/>
      <c r="I9" s="170" t="s">
        <v>212</v>
      </c>
      <c r="J9" s="91" t="s">
        <v>179</v>
      </c>
      <c r="K9" s="116"/>
      <c r="L9" s="116"/>
      <c r="M9" s="182" t="s">
        <v>212</v>
      </c>
      <c r="N9" s="91" t="s">
        <v>180</v>
      </c>
      <c r="O9" s="116"/>
      <c r="P9" s="116"/>
      <c r="Q9" s="182" t="s">
        <v>212</v>
      </c>
      <c r="R9" s="91" t="s">
        <v>181</v>
      </c>
      <c r="S9" s="116"/>
      <c r="T9" s="116"/>
      <c r="U9" s="182" t="s">
        <v>212</v>
      </c>
      <c r="V9" s="91" t="s">
        <v>182</v>
      </c>
      <c r="W9" s="116"/>
      <c r="X9" s="117"/>
      <c r="Y9" s="275"/>
      <c r="Z9" s="276"/>
      <c r="AA9" s="276"/>
      <c r="AB9" s="277"/>
      <c r="AC9" s="275"/>
      <c r="AD9" s="276"/>
      <c r="AE9" s="276"/>
      <c r="AF9" s="277"/>
    </row>
    <row r="10" spans="1:33" ht="18.75" customHeight="1" x14ac:dyDescent="0.15">
      <c r="A10" s="102"/>
      <c r="B10" s="203"/>
      <c r="C10" s="212"/>
      <c r="D10" s="223"/>
      <c r="E10" s="128"/>
      <c r="F10" s="223"/>
      <c r="G10" s="134"/>
      <c r="H10" s="113" t="s">
        <v>96</v>
      </c>
      <c r="I10" s="175" t="s">
        <v>212</v>
      </c>
      <c r="J10" s="133" t="s">
        <v>184</v>
      </c>
      <c r="K10" s="133"/>
      <c r="L10" s="222"/>
      <c r="M10" s="177" t="s">
        <v>212</v>
      </c>
      <c r="N10" s="133" t="s">
        <v>200</v>
      </c>
      <c r="O10" s="133"/>
      <c r="P10" s="222"/>
      <c r="Q10" s="177" t="s">
        <v>212</v>
      </c>
      <c r="R10" s="227" t="s">
        <v>201</v>
      </c>
      <c r="S10" s="227"/>
      <c r="T10" s="227"/>
      <c r="U10" s="227"/>
      <c r="V10" s="227"/>
      <c r="W10" s="227"/>
      <c r="X10" s="228"/>
      <c r="Y10" s="180" t="s">
        <v>212</v>
      </c>
      <c r="Z10" s="103" t="s">
        <v>183</v>
      </c>
      <c r="AA10" s="103"/>
      <c r="AB10" s="147"/>
      <c r="AC10" s="180" t="s">
        <v>212</v>
      </c>
      <c r="AD10" s="103" t="s">
        <v>183</v>
      </c>
      <c r="AE10" s="103"/>
      <c r="AF10" s="147"/>
      <c r="AG10" s="97"/>
    </row>
    <row r="11" spans="1:33" ht="18.75" customHeight="1" x14ac:dyDescent="0.15">
      <c r="A11" s="167"/>
      <c r="B11" s="157"/>
      <c r="C11" s="213"/>
      <c r="D11" s="226"/>
      <c r="E11" s="115"/>
      <c r="F11" s="226"/>
      <c r="G11" s="184"/>
      <c r="H11" s="161" t="s">
        <v>140</v>
      </c>
      <c r="I11" s="172" t="s">
        <v>212</v>
      </c>
      <c r="J11" s="138" t="s">
        <v>213</v>
      </c>
      <c r="K11" s="136"/>
      <c r="L11" s="165"/>
      <c r="M11" s="173" t="s">
        <v>212</v>
      </c>
      <c r="N11" s="138" t="s">
        <v>214</v>
      </c>
      <c r="O11" s="126"/>
      <c r="P11" s="126"/>
      <c r="Q11" s="136"/>
      <c r="R11" s="136"/>
      <c r="S11" s="136"/>
      <c r="T11" s="136"/>
      <c r="U11" s="136"/>
      <c r="V11" s="136"/>
      <c r="W11" s="136"/>
      <c r="X11" s="137"/>
      <c r="Y11" s="216" t="s">
        <v>212</v>
      </c>
      <c r="Z11" s="112" t="s">
        <v>188</v>
      </c>
      <c r="AA11" s="108"/>
      <c r="AB11" s="110"/>
      <c r="AC11" s="216" t="s">
        <v>212</v>
      </c>
      <c r="AD11" s="112" t="s">
        <v>188</v>
      </c>
      <c r="AE11" s="108"/>
      <c r="AF11" s="110"/>
      <c r="AG11" s="97"/>
    </row>
    <row r="12" spans="1:33" ht="18.75" customHeight="1" x14ac:dyDescent="0.15">
      <c r="A12" s="167"/>
      <c r="B12" s="157"/>
      <c r="C12" s="213"/>
      <c r="D12" s="226"/>
      <c r="E12" s="115"/>
      <c r="F12" s="226"/>
      <c r="G12" s="184"/>
      <c r="H12" s="114" t="s">
        <v>150</v>
      </c>
      <c r="I12" s="208" t="s">
        <v>212</v>
      </c>
      <c r="J12" s="138" t="s">
        <v>184</v>
      </c>
      <c r="K12" s="138"/>
      <c r="L12" s="173" t="s">
        <v>212</v>
      </c>
      <c r="M12" s="138" t="s">
        <v>185</v>
      </c>
      <c r="N12" s="138"/>
      <c r="O12" s="210" t="s">
        <v>212</v>
      </c>
      <c r="P12" s="138" t="s">
        <v>186</v>
      </c>
      <c r="Q12" s="207"/>
      <c r="R12" s="207"/>
      <c r="S12" s="207"/>
      <c r="T12" s="207"/>
      <c r="U12" s="207"/>
      <c r="V12" s="207"/>
      <c r="W12" s="207"/>
      <c r="X12" s="162"/>
      <c r="Y12" s="109"/>
      <c r="Z12" s="108"/>
      <c r="AA12" s="108"/>
      <c r="AB12" s="110"/>
      <c r="AC12" s="109"/>
      <c r="AD12" s="108"/>
      <c r="AE12" s="108"/>
      <c r="AF12" s="110"/>
    </row>
    <row r="13" spans="1:33" ht="18.75" customHeight="1" x14ac:dyDescent="0.15">
      <c r="A13" s="167"/>
      <c r="B13" s="157"/>
      <c r="C13" s="213"/>
      <c r="D13" s="226"/>
      <c r="E13" s="115"/>
      <c r="F13" s="226"/>
      <c r="G13" s="184"/>
      <c r="H13" s="295" t="s">
        <v>162</v>
      </c>
      <c r="I13" s="258" t="s">
        <v>212</v>
      </c>
      <c r="J13" s="256" t="s">
        <v>184</v>
      </c>
      <c r="K13" s="256"/>
      <c r="L13" s="258" t="s">
        <v>212</v>
      </c>
      <c r="M13" s="256" t="s">
        <v>196</v>
      </c>
      <c r="N13" s="256"/>
      <c r="O13" s="140"/>
      <c r="P13" s="140"/>
      <c r="Q13" s="140"/>
      <c r="R13" s="140"/>
      <c r="S13" s="140"/>
      <c r="T13" s="140"/>
      <c r="U13" s="140"/>
      <c r="V13" s="140"/>
      <c r="W13" s="140"/>
      <c r="X13" s="141"/>
      <c r="Y13" s="109"/>
      <c r="Z13" s="108"/>
      <c r="AA13" s="108"/>
      <c r="AB13" s="110"/>
      <c r="AC13" s="109"/>
      <c r="AD13" s="108"/>
      <c r="AE13" s="108"/>
      <c r="AF13" s="110"/>
    </row>
    <row r="14" spans="1:33" ht="18.75" customHeight="1" x14ac:dyDescent="0.15">
      <c r="A14" s="167"/>
      <c r="B14" s="157"/>
      <c r="C14" s="213"/>
      <c r="D14" s="226"/>
      <c r="E14" s="115"/>
      <c r="F14" s="226"/>
      <c r="G14" s="184"/>
      <c r="H14" s="296"/>
      <c r="I14" s="259"/>
      <c r="J14" s="257"/>
      <c r="K14" s="257"/>
      <c r="L14" s="259"/>
      <c r="M14" s="257"/>
      <c r="N14" s="257"/>
      <c r="O14" s="142"/>
      <c r="P14" s="142"/>
      <c r="Q14" s="142"/>
      <c r="R14" s="142"/>
      <c r="S14" s="142"/>
      <c r="T14" s="142"/>
      <c r="U14" s="142"/>
      <c r="V14" s="142"/>
      <c r="W14" s="142"/>
      <c r="X14" s="143"/>
      <c r="Y14" s="109"/>
      <c r="Z14" s="108"/>
      <c r="AA14" s="108"/>
      <c r="AB14" s="110"/>
      <c r="AC14" s="109"/>
      <c r="AD14" s="108"/>
      <c r="AE14" s="108"/>
      <c r="AF14" s="110"/>
    </row>
    <row r="15" spans="1:33" ht="18.75" customHeight="1" x14ac:dyDescent="0.15">
      <c r="A15" s="167"/>
      <c r="B15" s="157"/>
      <c r="C15" s="213"/>
      <c r="D15" s="216" t="s">
        <v>212</v>
      </c>
      <c r="E15" s="115" t="s">
        <v>215</v>
      </c>
      <c r="F15" s="226"/>
      <c r="G15" s="184"/>
      <c r="H15" s="218" t="s">
        <v>139</v>
      </c>
      <c r="I15" s="172" t="s">
        <v>212</v>
      </c>
      <c r="J15" s="138" t="s">
        <v>184</v>
      </c>
      <c r="K15" s="138"/>
      <c r="L15" s="173" t="s">
        <v>212</v>
      </c>
      <c r="M15" s="138" t="s">
        <v>197</v>
      </c>
      <c r="N15" s="138"/>
      <c r="O15" s="173" t="s">
        <v>212</v>
      </c>
      <c r="P15" s="138" t="s">
        <v>198</v>
      </c>
      <c r="Q15" s="207"/>
      <c r="R15" s="207"/>
      <c r="S15" s="207"/>
      <c r="T15" s="207"/>
      <c r="U15" s="207"/>
      <c r="V15" s="207"/>
      <c r="W15" s="207"/>
      <c r="X15" s="162"/>
      <c r="Y15" s="109"/>
      <c r="Z15" s="108"/>
      <c r="AA15" s="108"/>
      <c r="AB15" s="110"/>
      <c r="AC15" s="109"/>
      <c r="AD15" s="108"/>
      <c r="AE15" s="108"/>
      <c r="AF15" s="110"/>
      <c r="AG15" s="95"/>
    </row>
    <row r="16" spans="1:33" ht="18.75" customHeight="1" x14ac:dyDescent="0.15">
      <c r="A16" s="167"/>
      <c r="B16" s="157"/>
      <c r="C16" s="213"/>
      <c r="D16" s="216" t="s">
        <v>212</v>
      </c>
      <c r="E16" s="115" t="s">
        <v>216</v>
      </c>
      <c r="F16" s="226"/>
      <c r="G16" s="184"/>
      <c r="H16" s="218" t="s">
        <v>171</v>
      </c>
      <c r="I16" s="172" t="s">
        <v>212</v>
      </c>
      <c r="J16" s="138" t="s">
        <v>184</v>
      </c>
      <c r="K16" s="136"/>
      <c r="L16" s="173" t="s">
        <v>212</v>
      </c>
      <c r="M16" s="138" t="s">
        <v>196</v>
      </c>
      <c r="N16" s="207"/>
      <c r="O16" s="207"/>
      <c r="P16" s="207"/>
      <c r="Q16" s="207"/>
      <c r="R16" s="207"/>
      <c r="S16" s="207"/>
      <c r="T16" s="207"/>
      <c r="U16" s="207"/>
      <c r="V16" s="207"/>
      <c r="W16" s="207"/>
      <c r="X16" s="162"/>
      <c r="Y16" s="109"/>
      <c r="Z16" s="108"/>
      <c r="AA16" s="108"/>
      <c r="AB16" s="110"/>
      <c r="AC16" s="109"/>
      <c r="AD16" s="108"/>
      <c r="AE16" s="108"/>
      <c r="AF16" s="110"/>
    </row>
    <row r="17" spans="1:33" ht="18.75" customHeight="1" x14ac:dyDescent="0.15">
      <c r="A17" s="216" t="s">
        <v>212</v>
      </c>
      <c r="B17" s="157">
        <v>36</v>
      </c>
      <c r="C17" s="213" t="s">
        <v>243</v>
      </c>
      <c r="D17" s="216" t="s">
        <v>212</v>
      </c>
      <c r="E17" s="115" t="s">
        <v>217</v>
      </c>
      <c r="F17" s="226"/>
      <c r="G17" s="184"/>
      <c r="H17" s="215" t="s">
        <v>155</v>
      </c>
      <c r="I17" s="172" t="s">
        <v>212</v>
      </c>
      <c r="J17" s="138" t="s">
        <v>184</v>
      </c>
      <c r="K17" s="136"/>
      <c r="L17" s="173" t="s">
        <v>212</v>
      </c>
      <c r="M17" s="138" t="s">
        <v>196</v>
      </c>
      <c r="N17" s="207"/>
      <c r="O17" s="207"/>
      <c r="P17" s="207"/>
      <c r="Q17" s="207"/>
      <c r="R17" s="207"/>
      <c r="S17" s="207"/>
      <c r="T17" s="207"/>
      <c r="U17" s="207"/>
      <c r="V17" s="207"/>
      <c r="W17" s="207"/>
      <c r="X17" s="162"/>
      <c r="Y17" s="109"/>
      <c r="Z17" s="108"/>
      <c r="AA17" s="108"/>
      <c r="AB17" s="110"/>
      <c r="AC17" s="109"/>
      <c r="AD17" s="108"/>
      <c r="AE17" s="108"/>
      <c r="AF17" s="110"/>
    </row>
    <row r="18" spans="1:33" ht="18.75" customHeight="1" x14ac:dyDescent="0.15">
      <c r="A18" s="167"/>
      <c r="B18" s="157"/>
      <c r="C18" s="213" t="s">
        <v>244</v>
      </c>
      <c r="D18" s="216" t="s">
        <v>212</v>
      </c>
      <c r="E18" s="115" t="s">
        <v>240</v>
      </c>
      <c r="F18" s="226"/>
      <c r="G18" s="184"/>
      <c r="H18" s="114" t="s">
        <v>99</v>
      </c>
      <c r="I18" s="172" t="s">
        <v>212</v>
      </c>
      <c r="J18" s="138" t="s">
        <v>194</v>
      </c>
      <c r="K18" s="136"/>
      <c r="L18" s="165"/>
      <c r="M18" s="173" t="s">
        <v>212</v>
      </c>
      <c r="N18" s="138" t="s">
        <v>195</v>
      </c>
      <c r="O18" s="126"/>
      <c r="P18" s="126"/>
      <c r="Q18" s="126"/>
      <c r="R18" s="126"/>
      <c r="S18" s="126"/>
      <c r="T18" s="126"/>
      <c r="U18" s="126"/>
      <c r="V18" s="126"/>
      <c r="W18" s="126"/>
      <c r="X18" s="164"/>
      <c r="Y18" s="109"/>
      <c r="Z18" s="108"/>
      <c r="AA18" s="108"/>
      <c r="AB18" s="110"/>
      <c r="AC18" s="109"/>
      <c r="AD18" s="108"/>
      <c r="AE18" s="108"/>
      <c r="AF18" s="110"/>
    </row>
    <row r="19" spans="1:33" ht="18.75" customHeight="1" x14ac:dyDescent="0.15">
      <c r="A19" s="167"/>
      <c r="B19" s="157"/>
      <c r="C19" s="213"/>
      <c r="D19" s="216" t="s">
        <v>212</v>
      </c>
      <c r="E19" s="115" t="s">
        <v>241</v>
      </c>
      <c r="F19" s="226"/>
      <c r="G19" s="184"/>
      <c r="H19" s="114" t="s">
        <v>141</v>
      </c>
      <c r="I19" s="172" t="s">
        <v>212</v>
      </c>
      <c r="J19" s="138" t="s">
        <v>184</v>
      </c>
      <c r="K19" s="136"/>
      <c r="L19" s="173" t="s">
        <v>212</v>
      </c>
      <c r="M19" s="138" t="s">
        <v>196</v>
      </c>
      <c r="N19" s="207"/>
      <c r="O19" s="207"/>
      <c r="P19" s="207"/>
      <c r="Q19" s="207"/>
      <c r="R19" s="207"/>
      <c r="S19" s="207"/>
      <c r="T19" s="207"/>
      <c r="U19" s="207"/>
      <c r="V19" s="207"/>
      <c r="W19" s="207"/>
      <c r="X19" s="162"/>
      <c r="Y19" s="109"/>
      <c r="Z19" s="108"/>
      <c r="AA19" s="108"/>
      <c r="AB19" s="110"/>
      <c r="AC19" s="109"/>
      <c r="AD19" s="108"/>
      <c r="AE19" s="108"/>
      <c r="AF19" s="110"/>
    </row>
    <row r="20" spans="1:33" ht="18.75" customHeight="1" x14ac:dyDescent="0.15">
      <c r="A20" s="167"/>
      <c r="B20" s="157"/>
      <c r="C20" s="213"/>
      <c r="D20" s="216" t="s">
        <v>212</v>
      </c>
      <c r="E20" s="115" t="s">
        <v>242</v>
      </c>
      <c r="F20" s="226"/>
      <c r="G20" s="184"/>
      <c r="H20" s="114" t="s">
        <v>108</v>
      </c>
      <c r="I20" s="172" t="s">
        <v>212</v>
      </c>
      <c r="J20" s="138" t="s">
        <v>184</v>
      </c>
      <c r="K20" s="136"/>
      <c r="L20" s="173" t="s">
        <v>212</v>
      </c>
      <c r="M20" s="138" t="s">
        <v>196</v>
      </c>
      <c r="N20" s="207"/>
      <c r="O20" s="207"/>
      <c r="P20" s="207"/>
      <c r="Q20" s="207"/>
      <c r="R20" s="207"/>
      <c r="S20" s="207"/>
      <c r="T20" s="207"/>
      <c r="U20" s="207"/>
      <c r="V20" s="207"/>
      <c r="W20" s="207"/>
      <c r="X20" s="162"/>
      <c r="Y20" s="109"/>
      <c r="Z20" s="108"/>
      <c r="AA20" s="108"/>
      <c r="AB20" s="110"/>
      <c r="AC20" s="109"/>
      <c r="AD20" s="108"/>
      <c r="AE20" s="108"/>
      <c r="AF20" s="110"/>
    </row>
    <row r="21" spans="1:33" ht="18.75" customHeight="1" x14ac:dyDescent="0.15">
      <c r="A21" s="167"/>
      <c r="B21" s="157"/>
      <c r="C21" s="213"/>
      <c r="D21" s="226"/>
      <c r="E21" s="115"/>
      <c r="F21" s="226"/>
      <c r="G21" s="184"/>
      <c r="H21" s="114" t="s">
        <v>104</v>
      </c>
      <c r="I21" s="208" t="s">
        <v>212</v>
      </c>
      <c r="J21" s="138" t="s">
        <v>184</v>
      </c>
      <c r="K21" s="138"/>
      <c r="L21" s="173" t="s">
        <v>212</v>
      </c>
      <c r="M21" s="138" t="s">
        <v>185</v>
      </c>
      <c r="N21" s="138"/>
      <c r="O21" s="210" t="s">
        <v>212</v>
      </c>
      <c r="P21" s="138" t="s">
        <v>186</v>
      </c>
      <c r="Q21" s="207"/>
      <c r="R21" s="207"/>
      <c r="S21" s="207"/>
      <c r="T21" s="207"/>
      <c r="U21" s="207"/>
      <c r="V21" s="207"/>
      <c r="W21" s="207"/>
      <c r="X21" s="162"/>
      <c r="Y21" s="109"/>
      <c r="Z21" s="108"/>
      <c r="AA21" s="108"/>
      <c r="AB21" s="110"/>
      <c r="AC21" s="109"/>
      <c r="AD21" s="108"/>
      <c r="AE21" s="108"/>
      <c r="AF21" s="110"/>
    </row>
    <row r="22" spans="1:33" ht="18.75" customHeight="1" x14ac:dyDescent="0.15">
      <c r="A22" s="167"/>
      <c r="B22" s="157"/>
      <c r="C22" s="213"/>
      <c r="D22" s="226"/>
      <c r="E22" s="115"/>
      <c r="F22" s="226"/>
      <c r="G22" s="184"/>
      <c r="H22" s="218" t="s">
        <v>154</v>
      </c>
      <c r="I22" s="172" t="s">
        <v>212</v>
      </c>
      <c r="J22" s="138" t="s">
        <v>184</v>
      </c>
      <c r="K22" s="136"/>
      <c r="L22" s="173" t="s">
        <v>212</v>
      </c>
      <c r="M22" s="138" t="s">
        <v>196</v>
      </c>
      <c r="N22" s="207"/>
      <c r="O22" s="207"/>
      <c r="P22" s="207"/>
      <c r="Q22" s="207"/>
      <c r="R22" s="207"/>
      <c r="S22" s="207"/>
      <c r="T22" s="207"/>
      <c r="U22" s="207"/>
      <c r="V22" s="207"/>
      <c r="W22" s="207"/>
      <c r="X22" s="162"/>
      <c r="Y22" s="109"/>
      <c r="Z22" s="108"/>
      <c r="AA22" s="108"/>
      <c r="AB22" s="110"/>
      <c r="AC22" s="109"/>
      <c r="AD22" s="108"/>
      <c r="AE22" s="108"/>
      <c r="AF22" s="110"/>
    </row>
    <row r="23" spans="1:33" ht="18.75" customHeight="1" x14ac:dyDescent="0.15">
      <c r="A23" s="167"/>
      <c r="B23" s="157"/>
      <c r="C23" s="213"/>
      <c r="D23" s="226"/>
      <c r="E23" s="115"/>
      <c r="F23" s="226"/>
      <c r="G23" s="184"/>
      <c r="H23" s="114" t="s">
        <v>105</v>
      </c>
      <c r="I23" s="172" t="s">
        <v>212</v>
      </c>
      <c r="J23" s="138" t="s">
        <v>184</v>
      </c>
      <c r="K23" s="138"/>
      <c r="L23" s="173" t="s">
        <v>212</v>
      </c>
      <c r="M23" s="138" t="s">
        <v>191</v>
      </c>
      <c r="N23" s="138"/>
      <c r="O23" s="173" t="s">
        <v>212</v>
      </c>
      <c r="P23" s="138" t="s">
        <v>198</v>
      </c>
      <c r="Q23" s="207"/>
      <c r="R23" s="173" t="s">
        <v>212</v>
      </c>
      <c r="S23" s="138" t="s">
        <v>202</v>
      </c>
      <c r="T23" s="207"/>
      <c r="U23" s="207"/>
      <c r="V23" s="207"/>
      <c r="W23" s="207"/>
      <c r="X23" s="162"/>
      <c r="Y23" s="109"/>
      <c r="Z23" s="108"/>
      <c r="AA23" s="108"/>
      <c r="AB23" s="110"/>
      <c r="AC23" s="109"/>
      <c r="AD23" s="108"/>
      <c r="AE23" s="108"/>
      <c r="AF23" s="110"/>
    </row>
    <row r="24" spans="1:33" ht="18.75" customHeight="1" x14ac:dyDescent="0.15">
      <c r="A24" s="167"/>
      <c r="B24" s="157"/>
      <c r="C24" s="213"/>
      <c r="D24" s="226"/>
      <c r="E24" s="115"/>
      <c r="F24" s="226"/>
      <c r="G24" s="184"/>
      <c r="H24" s="114" t="s">
        <v>109</v>
      </c>
      <c r="I24" s="172" t="s">
        <v>212</v>
      </c>
      <c r="J24" s="138" t="s">
        <v>184</v>
      </c>
      <c r="K24" s="138"/>
      <c r="L24" s="173" t="s">
        <v>212</v>
      </c>
      <c r="M24" s="138" t="s">
        <v>191</v>
      </c>
      <c r="N24" s="138"/>
      <c r="O24" s="210" t="s">
        <v>212</v>
      </c>
      <c r="P24" s="138" t="s">
        <v>192</v>
      </c>
      <c r="Q24" s="138"/>
      <c r="R24" s="173" t="s">
        <v>212</v>
      </c>
      <c r="S24" s="138" t="s">
        <v>193</v>
      </c>
      <c r="T24" s="138"/>
      <c r="U24" s="126"/>
      <c r="V24" s="126"/>
      <c r="W24" s="126"/>
      <c r="X24" s="164"/>
      <c r="Y24" s="109"/>
      <c r="Z24" s="108"/>
      <c r="AA24" s="108"/>
      <c r="AB24" s="110"/>
      <c r="AC24" s="109"/>
      <c r="AD24" s="108"/>
      <c r="AE24" s="108"/>
      <c r="AF24" s="110"/>
    </row>
    <row r="25" spans="1:33" ht="18.75" customHeight="1" x14ac:dyDescent="0.15">
      <c r="A25" s="167"/>
      <c r="B25" s="157"/>
      <c r="C25" s="213"/>
      <c r="D25" s="226"/>
      <c r="E25" s="115"/>
      <c r="F25" s="226"/>
      <c r="G25" s="184"/>
      <c r="H25" s="220" t="s">
        <v>279</v>
      </c>
      <c r="I25" s="172" t="s">
        <v>212</v>
      </c>
      <c r="J25" s="140" t="s">
        <v>280</v>
      </c>
      <c r="K25" s="140"/>
      <c r="L25" s="217" t="s">
        <v>212</v>
      </c>
      <c r="M25" s="140" t="s">
        <v>281</v>
      </c>
      <c r="N25" s="140"/>
      <c r="O25" s="210" t="s">
        <v>212</v>
      </c>
      <c r="P25" s="140" t="s">
        <v>282</v>
      </c>
      <c r="Q25" s="140"/>
      <c r="R25" s="210"/>
      <c r="S25" s="140"/>
      <c r="T25" s="140"/>
      <c r="U25" s="129"/>
      <c r="V25" s="129"/>
      <c r="W25" s="129"/>
      <c r="X25" s="130"/>
      <c r="Y25" s="109"/>
      <c r="Z25" s="108"/>
      <c r="AA25" s="108"/>
      <c r="AB25" s="110"/>
      <c r="AC25" s="109"/>
      <c r="AD25" s="108"/>
      <c r="AE25" s="108"/>
      <c r="AF25" s="110"/>
    </row>
    <row r="26" spans="1:33" ht="18.75" customHeight="1" x14ac:dyDescent="0.15">
      <c r="A26" s="168"/>
      <c r="B26" s="205"/>
      <c r="C26" s="214"/>
      <c r="D26" s="221"/>
      <c r="E26" s="117"/>
      <c r="F26" s="221"/>
      <c r="G26" s="183"/>
      <c r="H26" s="236" t="s">
        <v>283</v>
      </c>
      <c r="I26" s="238" t="s">
        <v>212</v>
      </c>
      <c r="J26" s="239" t="s">
        <v>184</v>
      </c>
      <c r="K26" s="239"/>
      <c r="L26" s="232" t="s">
        <v>212</v>
      </c>
      <c r="M26" s="239" t="s">
        <v>196</v>
      </c>
      <c r="N26" s="239"/>
      <c r="O26" s="239"/>
      <c r="P26" s="239"/>
      <c r="Q26" s="240"/>
      <c r="R26" s="239"/>
      <c r="S26" s="239"/>
      <c r="T26" s="239"/>
      <c r="U26" s="241"/>
      <c r="V26" s="241"/>
      <c r="W26" s="241"/>
      <c r="X26" s="242"/>
      <c r="Y26" s="109"/>
      <c r="Z26" s="108"/>
      <c r="AA26" s="108"/>
      <c r="AB26" s="110"/>
      <c r="AC26" s="109"/>
      <c r="AD26" s="108"/>
      <c r="AE26" s="108"/>
      <c r="AF26" s="110"/>
    </row>
    <row r="27" spans="1:33" ht="18.75" customHeight="1" x14ac:dyDescent="0.15">
      <c r="A27" s="102"/>
      <c r="B27" s="203"/>
      <c r="C27" s="212"/>
      <c r="D27" s="223"/>
      <c r="E27" s="128"/>
      <c r="F27" s="223"/>
      <c r="G27" s="134"/>
      <c r="H27" s="113" t="s">
        <v>96</v>
      </c>
      <c r="I27" s="175" t="s">
        <v>212</v>
      </c>
      <c r="J27" s="133" t="s">
        <v>184</v>
      </c>
      <c r="K27" s="133"/>
      <c r="L27" s="222"/>
      <c r="M27" s="177" t="s">
        <v>212</v>
      </c>
      <c r="N27" s="133" t="s">
        <v>200</v>
      </c>
      <c r="O27" s="133"/>
      <c r="P27" s="222"/>
      <c r="Q27" s="177" t="s">
        <v>212</v>
      </c>
      <c r="R27" s="227" t="s">
        <v>201</v>
      </c>
      <c r="S27" s="227"/>
      <c r="T27" s="227"/>
      <c r="U27" s="227"/>
      <c r="V27" s="227"/>
      <c r="W27" s="227"/>
      <c r="X27" s="228"/>
      <c r="Y27" s="180" t="s">
        <v>212</v>
      </c>
      <c r="Z27" s="103" t="s">
        <v>183</v>
      </c>
      <c r="AA27" s="103"/>
      <c r="AB27" s="147"/>
      <c r="AC27" s="180" t="s">
        <v>212</v>
      </c>
      <c r="AD27" s="103" t="s">
        <v>183</v>
      </c>
      <c r="AE27" s="103"/>
      <c r="AF27" s="147"/>
      <c r="AG27" s="97"/>
    </row>
    <row r="28" spans="1:33" ht="18.75" customHeight="1" x14ac:dyDescent="0.15">
      <c r="A28" s="167"/>
      <c r="B28" s="157"/>
      <c r="C28" s="213"/>
      <c r="D28" s="216" t="s">
        <v>212</v>
      </c>
      <c r="E28" s="115" t="s">
        <v>215</v>
      </c>
      <c r="F28" s="226"/>
      <c r="G28" s="184"/>
      <c r="H28" s="114" t="s">
        <v>99</v>
      </c>
      <c r="I28" s="172" t="s">
        <v>212</v>
      </c>
      <c r="J28" s="138" t="s">
        <v>194</v>
      </c>
      <c r="K28" s="136"/>
      <c r="L28" s="165"/>
      <c r="M28" s="173" t="s">
        <v>212</v>
      </c>
      <c r="N28" s="138" t="s">
        <v>195</v>
      </c>
      <c r="O28" s="126"/>
      <c r="P28" s="126"/>
      <c r="Q28" s="126"/>
      <c r="R28" s="126"/>
      <c r="S28" s="126"/>
      <c r="T28" s="126"/>
      <c r="U28" s="126"/>
      <c r="V28" s="126"/>
      <c r="W28" s="126"/>
      <c r="X28" s="164"/>
      <c r="Y28" s="216" t="s">
        <v>212</v>
      </c>
      <c r="Z28" s="112" t="s">
        <v>188</v>
      </c>
      <c r="AA28" s="108"/>
      <c r="AB28" s="110"/>
      <c r="AC28" s="216" t="s">
        <v>212</v>
      </c>
      <c r="AD28" s="112" t="s">
        <v>188</v>
      </c>
      <c r="AE28" s="108"/>
      <c r="AF28" s="110"/>
    </row>
    <row r="29" spans="1:33" ht="18.75" customHeight="1" x14ac:dyDescent="0.15">
      <c r="A29" s="216" t="s">
        <v>212</v>
      </c>
      <c r="B29" s="157">
        <v>28</v>
      </c>
      <c r="C29" s="213" t="s">
        <v>243</v>
      </c>
      <c r="D29" s="216" t="s">
        <v>212</v>
      </c>
      <c r="E29" s="115" t="s">
        <v>216</v>
      </c>
      <c r="F29" s="226"/>
      <c r="G29" s="184"/>
      <c r="H29" s="114" t="s">
        <v>141</v>
      </c>
      <c r="I29" s="172" t="s">
        <v>212</v>
      </c>
      <c r="J29" s="138" t="s">
        <v>184</v>
      </c>
      <c r="K29" s="136"/>
      <c r="L29" s="173" t="s">
        <v>212</v>
      </c>
      <c r="M29" s="138" t="s">
        <v>196</v>
      </c>
      <c r="N29" s="207"/>
      <c r="O29" s="207"/>
      <c r="P29" s="207"/>
      <c r="Q29" s="207"/>
      <c r="R29" s="207"/>
      <c r="S29" s="207"/>
      <c r="T29" s="207"/>
      <c r="U29" s="207"/>
      <c r="V29" s="207"/>
      <c r="W29" s="207"/>
      <c r="X29" s="162"/>
      <c r="Y29" s="109"/>
      <c r="Z29" s="108"/>
      <c r="AA29" s="108"/>
      <c r="AB29" s="110"/>
      <c r="AC29" s="109"/>
      <c r="AD29" s="108"/>
      <c r="AE29" s="108"/>
      <c r="AF29" s="110"/>
    </row>
    <row r="30" spans="1:33" ht="18.75" customHeight="1" x14ac:dyDescent="0.15">
      <c r="A30" s="167"/>
      <c r="B30" s="157"/>
      <c r="C30" s="213" t="s">
        <v>244</v>
      </c>
      <c r="D30" s="216" t="s">
        <v>212</v>
      </c>
      <c r="E30" s="115" t="s">
        <v>240</v>
      </c>
      <c r="F30" s="226"/>
      <c r="G30" s="184"/>
      <c r="H30" s="114" t="s">
        <v>105</v>
      </c>
      <c r="I30" s="172" t="s">
        <v>212</v>
      </c>
      <c r="J30" s="138" t="s">
        <v>184</v>
      </c>
      <c r="K30" s="138"/>
      <c r="L30" s="173" t="s">
        <v>212</v>
      </c>
      <c r="M30" s="138" t="s">
        <v>191</v>
      </c>
      <c r="N30" s="138"/>
      <c r="O30" s="173" t="s">
        <v>212</v>
      </c>
      <c r="P30" s="138" t="s">
        <v>198</v>
      </c>
      <c r="Q30" s="207"/>
      <c r="R30" s="173" t="s">
        <v>212</v>
      </c>
      <c r="S30" s="138" t="s">
        <v>202</v>
      </c>
      <c r="T30" s="207"/>
      <c r="U30" s="207"/>
      <c r="V30" s="207"/>
      <c r="W30" s="207"/>
      <c r="X30" s="162"/>
      <c r="Y30" s="109"/>
      <c r="Z30" s="108"/>
      <c r="AA30" s="108"/>
      <c r="AB30" s="110"/>
      <c r="AC30" s="109"/>
      <c r="AD30" s="108"/>
      <c r="AE30" s="108"/>
      <c r="AF30" s="110"/>
    </row>
    <row r="31" spans="1:33" ht="18.75" customHeight="1" x14ac:dyDescent="0.15">
      <c r="A31" s="167"/>
      <c r="B31" s="157"/>
      <c r="C31" s="213" t="s">
        <v>245</v>
      </c>
      <c r="D31" s="216" t="s">
        <v>212</v>
      </c>
      <c r="E31" s="115" t="s">
        <v>241</v>
      </c>
      <c r="F31" s="226"/>
      <c r="G31" s="184"/>
      <c r="H31" s="114" t="s">
        <v>109</v>
      </c>
      <c r="I31" s="172" t="s">
        <v>212</v>
      </c>
      <c r="J31" s="138" t="s">
        <v>184</v>
      </c>
      <c r="K31" s="138"/>
      <c r="L31" s="173" t="s">
        <v>212</v>
      </c>
      <c r="M31" s="138" t="s">
        <v>191</v>
      </c>
      <c r="N31" s="138"/>
      <c r="O31" s="210" t="s">
        <v>212</v>
      </c>
      <c r="P31" s="138" t="s">
        <v>192</v>
      </c>
      <c r="Q31" s="138"/>
      <c r="R31" s="173" t="s">
        <v>212</v>
      </c>
      <c r="S31" s="138" t="s">
        <v>193</v>
      </c>
      <c r="T31" s="138"/>
      <c r="U31" s="126"/>
      <c r="V31" s="126"/>
      <c r="W31" s="126"/>
      <c r="X31" s="164"/>
      <c r="Y31" s="109"/>
      <c r="Z31" s="108"/>
      <c r="AA31" s="108"/>
      <c r="AB31" s="110"/>
      <c r="AC31" s="109"/>
      <c r="AD31" s="108"/>
      <c r="AE31" s="108"/>
      <c r="AF31" s="110"/>
    </row>
    <row r="32" spans="1:33" ht="18.75" customHeight="1" x14ac:dyDescent="0.15">
      <c r="A32" s="167"/>
      <c r="B32" s="157"/>
      <c r="C32" s="213"/>
      <c r="D32" s="216"/>
      <c r="E32" s="115"/>
      <c r="F32" s="226"/>
      <c r="G32" s="184"/>
      <c r="H32" s="220" t="s">
        <v>279</v>
      </c>
      <c r="I32" s="172" t="s">
        <v>212</v>
      </c>
      <c r="J32" s="140" t="s">
        <v>280</v>
      </c>
      <c r="K32" s="140"/>
      <c r="L32" s="217" t="s">
        <v>212</v>
      </c>
      <c r="M32" s="140" t="s">
        <v>281</v>
      </c>
      <c r="N32" s="140"/>
      <c r="O32" s="210" t="s">
        <v>212</v>
      </c>
      <c r="P32" s="140" t="s">
        <v>282</v>
      </c>
      <c r="Q32" s="140"/>
      <c r="R32" s="210"/>
      <c r="S32" s="140"/>
      <c r="T32" s="140"/>
      <c r="U32" s="129"/>
      <c r="V32" s="129"/>
      <c r="W32" s="129"/>
      <c r="X32" s="130"/>
      <c r="Y32" s="109"/>
      <c r="Z32" s="108"/>
      <c r="AA32" s="108"/>
      <c r="AB32" s="110"/>
      <c r="AC32" s="109"/>
      <c r="AD32" s="108"/>
      <c r="AE32" s="108"/>
      <c r="AF32" s="110"/>
    </row>
    <row r="33" spans="1:32" ht="18.75" customHeight="1" x14ac:dyDescent="0.15">
      <c r="A33" s="168"/>
      <c r="B33" s="205"/>
      <c r="C33" s="214"/>
      <c r="D33" s="221"/>
      <c r="E33" s="117"/>
      <c r="F33" s="221"/>
      <c r="G33" s="183"/>
      <c r="H33" s="236" t="s">
        <v>283</v>
      </c>
      <c r="I33" s="243" t="s">
        <v>212</v>
      </c>
      <c r="J33" s="231" t="s">
        <v>184</v>
      </c>
      <c r="K33" s="231"/>
      <c r="L33" s="232" t="s">
        <v>212</v>
      </c>
      <c r="M33" s="231" t="s">
        <v>196</v>
      </c>
      <c r="N33" s="231"/>
      <c r="O33" s="231"/>
      <c r="P33" s="231"/>
      <c r="Q33" s="235"/>
      <c r="R33" s="231"/>
      <c r="S33" s="231"/>
      <c r="T33" s="231"/>
      <c r="U33" s="233"/>
      <c r="V33" s="233"/>
      <c r="W33" s="233"/>
      <c r="X33" s="234"/>
      <c r="Y33" s="148"/>
      <c r="Z33" s="149"/>
      <c r="AA33" s="149"/>
      <c r="AB33" s="150"/>
      <c r="AC33" s="148"/>
      <c r="AD33" s="149"/>
      <c r="AE33" s="149"/>
      <c r="AF33" s="150"/>
    </row>
  </sheetData>
  <mergeCells count="17">
    <mergeCell ref="A3:AF3"/>
    <mergeCell ref="S5:V5"/>
    <mergeCell ref="A7:C7"/>
    <mergeCell ref="D7:E7"/>
    <mergeCell ref="F7:G7"/>
    <mergeCell ref="H7:X7"/>
    <mergeCell ref="Y7:AB7"/>
    <mergeCell ref="AC7:AF7"/>
    <mergeCell ref="A8:C9"/>
    <mergeCell ref="H8:H9"/>
    <mergeCell ref="Y8:AB9"/>
    <mergeCell ref="AC8:AF9"/>
    <mergeCell ref="H13:H14"/>
    <mergeCell ref="I13:I14"/>
    <mergeCell ref="J13:K14"/>
    <mergeCell ref="L13:L14"/>
    <mergeCell ref="M13:N14"/>
  </mergeCells>
  <phoneticPr fontId="3"/>
  <dataValidations count="1">
    <dataValidation type="list" allowBlank="1" showInputMessage="1" showErrorMessage="1" sqref="U8:U9 M8:M11 Q8:Q10 L12:L17 O15 M18 L19:L26 O21 R23:R25 M27:M28 Q27 L29:L33 O23:O25 R30:R32 O12 O30:O32 Y10:Y11 Y27:Y28 AC10:AC11 AC27:AC28 D15:D20 D28:D32 A17 A29 I8:I33" xr:uid="{00000000-0002-0000-0500-000000000000}">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44" fitToHeight="0" orientation="landscape" cellComments="asDisplayed" r:id="rId1"/>
  <headerFooter alignWithMargins="0"/>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tabColor rgb="FFFFFF00"/>
    <pageSetUpPr fitToPage="1"/>
  </sheetPr>
  <dimension ref="A2:AF86"/>
  <sheetViews>
    <sheetView view="pageBreakPreview" zoomScale="70" zoomScaleNormal="70" zoomScaleSheetLayoutView="70" workbookViewId="0">
      <selection activeCell="Q26" sqref="Q26"/>
    </sheetView>
  </sheetViews>
  <sheetFormatPr defaultRowHeight="20.25" customHeight="1" x14ac:dyDescent="0.15"/>
  <cols>
    <col min="1" max="2" width="4.25" style="225" customWidth="1"/>
    <col min="3" max="3" width="25" style="219" customWidth="1"/>
    <col min="4" max="4" width="4.875" style="219" customWidth="1"/>
    <col min="5" max="5" width="41.625" style="219" customWidth="1"/>
    <col min="6" max="6" width="4.875" style="219" customWidth="1"/>
    <col min="7" max="7" width="19.625" style="95" customWidth="1"/>
    <col min="8" max="8" width="33.875" style="219" customWidth="1"/>
    <col min="9" max="32" width="4.875" style="219" customWidth="1"/>
    <col min="33" max="33" width="12" style="219" bestFit="1" customWidth="1"/>
    <col min="34" max="267" width="9" style="219"/>
    <col min="268" max="268" width="4.25" style="219" customWidth="1"/>
    <col min="269" max="269" width="25" style="219" customWidth="1"/>
    <col min="270" max="270" width="41.625" style="219" customWidth="1"/>
    <col min="271" max="271" width="19.625" style="219" customWidth="1"/>
    <col min="272" max="272" width="33.875" style="219" customWidth="1"/>
    <col min="273" max="273" width="25" style="219" customWidth="1"/>
    <col min="274" max="274" width="13.625" style="219" customWidth="1"/>
    <col min="275" max="288" width="4.875" style="219" customWidth="1"/>
    <col min="289" max="289" width="12" style="219" bestFit="1" customWidth="1"/>
    <col min="290" max="523" width="9" style="219"/>
    <col min="524" max="524" width="4.25" style="219" customWidth="1"/>
    <col min="525" max="525" width="25" style="219" customWidth="1"/>
    <col min="526" max="526" width="41.625" style="219" customWidth="1"/>
    <col min="527" max="527" width="19.625" style="219" customWidth="1"/>
    <col min="528" max="528" width="33.875" style="219" customWidth="1"/>
    <col min="529" max="529" width="25" style="219" customWidth="1"/>
    <col min="530" max="530" width="13.625" style="219" customWidth="1"/>
    <col min="531" max="544" width="4.875" style="219" customWidth="1"/>
    <col min="545" max="545" width="12" style="219" bestFit="1" customWidth="1"/>
    <col min="546" max="779" width="9" style="219"/>
    <col min="780" max="780" width="4.25" style="219" customWidth="1"/>
    <col min="781" max="781" width="25" style="219" customWidth="1"/>
    <col min="782" max="782" width="41.625" style="219" customWidth="1"/>
    <col min="783" max="783" width="19.625" style="219" customWidth="1"/>
    <col min="784" max="784" width="33.875" style="219" customWidth="1"/>
    <col min="785" max="785" width="25" style="219" customWidth="1"/>
    <col min="786" max="786" width="13.625" style="219" customWidth="1"/>
    <col min="787" max="800" width="4.875" style="219" customWidth="1"/>
    <col min="801" max="801" width="12" style="219" bestFit="1" customWidth="1"/>
    <col min="802" max="1035" width="9" style="219"/>
    <col min="1036" max="1036" width="4.25" style="219" customWidth="1"/>
    <col min="1037" max="1037" width="25" style="219" customWidth="1"/>
    <col min="1038" max="1038" width="41.625" style="219" customWidth="1"/>
    <col min="1039" max="1039" width="19.625" style="219" customWidth="1"/>
    <col min="1040" max="1040" width="33.875" style="219" customWidth="1"/>
    <col min="1041" max="1041" width="25" style="219" customWidth="1"/>
    <col min="1042" max="1042" width="13.625" style="219" customWidth="1"/>
    <col min="1043" max="1056" width="4.875" style="219" customWidth="1"/>
    <col min="1057" max="1057" width="12" style="219" bestFit="1" customWidth="1"/>
    <col min="1058" max="1291" width="9" style="219"/>
    <col min="1292" max="1292" width="4.25" style="219" customWidth="1"/>
    <col min="1293" max="1293" width="25" style="219" customWidth="1"/>
    <col min="1294" max="1294" width="41.625" style="219" customWidth="1"/>
    <col min="1295" max="1295" width="19.625" style="219" customWidth="1"/>
    <col min="1296" max="1296" width="33.875" style="219" customWidth="1"/>
    <col min="1297" max="1297" width="25" style="219" customWidth="1"/>
    <col min="1298" max="1298" width="13.625" style="219" customWidth="1"/>
    <col min="1299" max="1312" width="4.875" style="219" customWidth="1"/>
    <col min="1313" max="1313" width="12" style="219" bestFit="1" customWidth="1"/>
    <col min="1314" max="1547" width="9" style="219"/>
    <col min="1548" max="1548" width="4.25" style="219" customWidth="1"/>
    <col min="1549" max="1549" width="25" style="219" customWidth="1"/>
    <col min="1550" max="1550" width="41.625" style="219" customWidth="1"/>
    <col min="1551" max="1551" width="19.625" style="219" customWidth="1"/>
    <col min="1552" max="1552" width="33.875" style="219" customWidth="1"/>
    <col min="1553" max="1553" width="25" style="219" customWidth="1"/>
    <col min="1554" max="1554" width="13.625" style="219" customWidth="1"/>
    <col min="1555" max="1568" width="4.875" style="219" customWidth="1"/>
    <col min="1569" max="1569" width="12" style="219" bestFit="1" customWidth="1"/>
    <col min="1570" max="1803" width="9" style="219"/>
    <col min="1804" max="1804" width="4.25" style="219" customWidth="1"/>
    <col min="1805" max="1805" width="25" style="219" customWidth="1"/>
    <col min="1806" max="1806" width="41.625" style="219" customWidth="1"/>
    <col min="1807" max="1807" width="19.625" style="219" customWidth="1"/>
    <col min="1808" max="1808" width="33.875" style="219" customWidth="1"/>
    <col min="1809" max="1809" width="25" style="219" customWidth="1"/>
    <col min="1810" max="1810" width="13.625" style="219" customWidth="1"/>
    <col min="1811" max="1824" width="4.875" style="219" customWidth="1"/>
    <col min="1825" max="1825" width="12" style="219" bestFit="1" customWidth="1"/>
    <col min="1826" max="2059" width="9" style="219"/>
    <col min="2060" max="2060" width="4.25" style="219" customWidth="1"/>
    <col min="2061" max="2061" width="25" style="219" customWidth="1"/>
    <col min="2062" max="2062" width="41.625" style="219" customWidth="1"/>
    <col min="2063" max="2063" width="19.625" style="219" customWidth="1"/>
    <col min="2064" max="2064" width="33.875" style="219" customWidth="1"/>
    <col min="2065" max="2065" width="25" style="219" customWidth="1"/>
    <col min="2066" max="2066" width="13.625" style="219" customWidth="1"/>
    <col min="2067" max="2080" width="4.875" style="219" customWidth="1"/>
    <col min="2081" max="2081" width="12" style="219" bestFit="1" customWidth="1"/>
    <col min="2082" max="2315" width="9" style="219"/>
    <col min="2316" max="2316" width="4.25" style="219" customWidth="1"/>
    <col min="2317" max="2317" width="25" style="219" customWidth="1"/>
    <col min="2318" max="2318" width="41.625" style="219" customWidth="1"/>
    <col min="2319" max="2319" width="19.625" style="219" customWidth="1"/>
    <col min="2320" max="2320" width="33.875" style="219" customWidth="1"/>
    <col min="2321" max="2321" width="25" style="219" customWidth="1"/>
    <col min="2322" max="2322" width="13.625" style="219" customWidth="1"/>
    <col min="2323" max="2336" width="4.875" style="219" customWidth="1"/>
    <col min="2337" max="2337" width="12" style="219" bestFit="1" customWidth="1"/>
    <col min="2338" max="2571" width="9" style="219"/>
    <col min="2572" max="2572" width="4.25" style="219" customWidth="1"/>
    <col min="2573" max="2573" width="25" style="219" customWidth="1"/>
    <col min="2574" max="2574" width="41.625" style="219" customWidth="1"/>
    <col min="2575" max="2575" width="19.625" style="219" customWidth="1"/>
    <col min="2576" max="2576" width="33.875" style="219" customWidth="1"/>
    <col min="2577" max="2577" width="25" style="219" customWidth="1"/>
    <col min="2578" max="2578" width="13.625" style="219" customWidth="1"/>
    <col min="2579" max="2592" width="4.875" style="219" customWidth="1"/>
    <col min="2593" max="2593" width="12" style="219" bestFit="1" customWidth="1"/>
    <col min="2594" max="2827" width="9" style="219"/>
    <col min="2828" max="2828" width="4.25" style="219" customWidth="1"/>
    <col min="2829" max="2829" width="25" style="219" customWidth="1"/>
    <col min="2830" max="2830" width="41.625" style="219" customWidth="1"/>
    <col min="2831" max="2831" width="19.625" style="219" customWidth="1"/>
    <col min="2832" max="2832" width="33.875" style="219" customWidth="1"/>
    <col min="2833" max="2833" width="25" style="219" customWidth="1"/>
    <col min="2834" max="2834" width="13.625" style="219" customWidth="1"/>
    <col min="2835" max="2848" width="4.875" style="219" customWidth="1"/>
    <col min="2849" max="2849" width="12" style="219" bestFit="1" customWidth="1"/>
    <col min="2850" max="3083" width="9" style="219"/>
    <col min="3084" max="3084" width="4.25" style="219" customWidth="1"/>
    <col min="3085" max="3085" width="25" style="219" customWidth="1"/>
    <col min="3086" max="3086" width="41.625" style="219" customWidth="1"/>
    <col min="3087" max="3087" width="19.625" style="219" customWidth="1"/>
    <col min="3088" max="3088" width="33.875" style="219" customWidth="1"/>
    <col min="3089" max="3089" width="25" style="219" customWidth="1"/>
    <col min="3090" max="3090" width="13.625" style="219" customWidth="1"/>
    <col min="3091" max="3104" width="4.875" style="219" customWidth="1"/>
    <col min="3105" max="3105" width="12" style="219" bestFit="1" customWidth="1"/>
    <col min="3106" max="3339" width="9" style="219"/>
    <col min="3340" max="3340" width="4.25" style="219" customWidth="1"/>
    <col min="3341" max="3341" width="25" style="219" customWidth="1"/>
    <col min="3342" max="3342" width="41.625" style="219" customWidth="1"/>
    <col min="3343" max="3343" width="19.625" style="219" customWidth="1"/>
    <col min="3344" max="3344" width="33.875" style="219" customWidth="1"/>
    <col min="3345" max="3345" width="25" style="219" customWidth="1"/>
    <col min="3346" max="3346" width="13.625" style="219" customWidth="1"/>
    <col min="3347" max="3360" width="4.875" style="219" customWidth="1"/>
    <col min="3361" max="3361" width="12" style="219" bestFit="1" customWidth="1"/>
    <col min="3362" max="3595" width="9" style="219"/>
    <col min="3596" max="3596" width="4.25" style="219" customWidth="1"/>
    <col min="3597" max="3597" width="25" style="219" customWidth="1"/>
    <col min="3598" max="3598" width="41.625" style="219" customWidth="1"/>
    <col min="3599" max="3599" width="19.625" style="219" customWidth="1"/>
    <col min="3600" max="3600" width="33.875" style="219" customWidth="1"/>
    <col min="3601" max="3601" width="25" style="219" customWidth="1"/>
    <col min="3602" max="3602" width="13.625" style="219" customWidth="1"/>
    <col min="3603" max="3616" width="4.875" style="219" customWidth="1"/>
    <col min="3617" max="3617" width="12" style="219" bestFit="1" customWidth="1"/>
    <col min="3618" max="3851" width="9" style="219"/>
    <col min="3852" max="3852" width="4.25" style="219" customWidth="1"/>
    <col min="3853" max="3853" width="25" style="219" customWidth="1"/>
    <col min="3854" max="3854" width="41.625" style="219" customWidth="1"/>
    <col min="3855" max="3855" width="19.625" style="219" customWidth="1"/>
    <col min="3856" max="3856" width="33.875" style="219" customWidth="1"/>
    <col min="3857" max="3857" width="25" style="219" customWidth="1"/>
    <col min="3858" max="3858" width="13.625" style="219" customWidth="1"/>
    <col min="3859" max="3872" width="4.875" style="219" customWidth="1"/>
    <col min="3873" max="3873" width="12" style="219" bestFit="1" customWidth="1"/>
    <col min="3874" max="4107" width="9" style="219"/>
    <col min="4108" max="4108" width="4.25" style="219" customWidth="1"/>
    <col min="4109" max="4109" width="25" style="219" customWidth="1"/>
    <col min="4110" max="4110" width="41.625" style="219" customWidth="1"/>
    <col min="4111" max="4111" width="19.625" style="219" customWidth="1"/>
    <col min="4112" max="4112" width="33.875" style="219" customWidth="1"/>
    <col min="4113" max="4113" width="25" style="219" customWidth="1"/>
    <col min="4114" max="4114" width="13.625" style="219" customWidth="1"/>
    <col min="4115" max="4128" width="4.875" style="219" customWidth="1"/>
    <col min="4129" max="4129" width="12" style="219" bestFit="1" customWidth="1"/>
    <col min="4130" max="4363" width="9" style="219"/>
    <col min="4364" max="4364" width="4.25" style="219" customWidth="1"/>
    <col min="4365" max="4365" width="25" style="219" customWidth="1"/>
    <col min="4366" max="4366" width="41.625" style="219" customWidth="1"/>
    <col min="4367" max="4367" width="19.625" style="219" customWidth="1"/>
    <col min="4368" max="4368" width="33.875" style="219" customWidth="1"/>
    <col min="4369" max="4369" width="25" style="219" customWidth="1"/>
    <col min="4370" max="4370" width="13.625" style="219" customWidth="1"/>
    <col min="4371" max="4384" width="4.875" style="219" customWidth="1"/>
    <col min="4385" max="4385" width="12" style="219" bestFit="1" customWidth="1"/>
    <col min="4386" max="4619" width="9" style="219"/>
    <col min="4620" max="4620" width="4.25" style="219" customWidth="1"/>
    <col min="4621" max="4621" width="25" style="219" customWidth="1"/>
    <col min="4622" max="4622" width="41.625" style="219" customWidth="1"/>
    <col min="4623" max="4623" width="19.625" style="219" customWidth="1"/>
    <col min="4624" max="4624" width="33.875" style="219" customWidth="1"/>
    <col min="4625" max="4625" width="25" style="219" customWidth="1"/>
    <col min="4626" max="4626" width="13.625" style="219" customWidth="1"/>
    <col min="4627" max="4640" width="4.875" style="219" customWidth="1"/>
    <col min="4641" max="4641" width="12" style="219" bestFit="1" customWidth="1"/>
    <col min="4642" max="4875" width="9" style="219"/>
    <col min="4876" max="4876" width="4.25" style="219" customWidth="1"/>
    <col min="4877" max="4877" width="25" style="219" customWidth="1"/>
    <col min="4878" max="4878" width="41.625" style="219" customWidth="1"/>
    <col min="4879" max="4879" width="19.625" style="219" customWidth="1"/>
    <col min="4880" max="4880" width="33.875" style="219" customWidth="1"/>
    <col min="4881" max="4881" width="25" style="219" customWidth="1"/>
    <col min="4882" max="4882" width="13.625" style="219" customWidth="1"/>
    <col min="4883" max="4896" width="4.875" style="219" customWidth="1"/>
    <col min="4897" max="4897" width="12" style="219" bestFit="1" customWidth="1"/>
    <col min="4898" max="5131" width="9" style="219"/>
    <col min="5132" max="5132" width="4.25" style="219" customWidth="1"/>
    <col min="5133" max="5133" width="25" style="219" customWidth="1"/>
    <col min="5134" max="5134" width="41.625" style="219" customWidth="1"/>
    <col min="5135" max="5135" width="19.625" style="219" customWidth="1"/>
    <col min="5136" max="5136" width="33.875" style="219" customWidth="1"/>
    <col min="5137" max="5137" width="25" style="219" customWidth="1"/>
    <col min="5138" max="5138" width="13.625" style="219" customWidth="1"/>
    <col min="5139" max="5152" width="4.875" style="219" customWidth="1"/>
    <col min="5153" max="5153" width="12" style="219" bestFit="1" customWidth="1"/>
    <col min="5154" max="5387" width="9" style="219"/>
    <col min="5388" max="5388" width="4.25" style="219" customWidth="1"/>
    <col min="5389" max="5389" width="25" style="219" customWidth="1"/>
    <col min="5390" max="5390" width="41.625" style="219" customWidth="1"/>
    <col min="5391" max="5391" width="19.625" style="219" customWidth="1"/>
    <col min="5392" max="5392" width="33.875" style="219" customWidth="1"/>
    <col min="5393" max="5393" width="25" style="219" customWidth="1"/>
    <col min="5394" max="5394" width="13.625" style="219" customWidth="1"/>
    <col min="5395" max="5408" width="4.875" style="219" customWidth="1"/>
    <col min="5409" max="5409" width="12" style="219" bestFit="1" customWidth="1"/>
    <col min="5410" max="5643" width="9" style="219"/>
    <col min="5644" max="5644" width="4.25" style="219" customWidth="1"/>
    <col min="5645" max="5645" width="25" style="219" customWidth="1"/>
    <col min="5646" max="5646" width="41.625" style="219" customWidth="1"/>
    <col min="5647" max="5647" width="19.625" style="219" customWidth="1"/>
    <col min="5648" max="5648" width="33.875" style="219" customWidth="1"/>
    <col min="5649" max="5649" width="25" style="219" customWidth="1"/>
    <col min="5650" max="5650" width="13.625" style="219" customWidth="1"/>
    <col min="5651" max="5664" width="4.875" style="219" customWidth="1"/>
    <col min="5665" max="5665" width="12" style="219" bestFit="1" customWidth="1"/>
    <col min="5666" max="5899" width="9" style="219"/>
    <col min="5900" max="5900" width="4.25" style="219" customWidth="1"/>
    <col min="5901" max="5901" width="25" style="219" customWidth="1"/>
    <col min="5902" max="5902" width="41.625" style="219" customWidth="1"/>
    <col min="5903" max="5903" width="19.625" style="219" customWidth="1"/>
    <col min="5904" max="5904" width="33.875" style="219" customWidth="1"/>
    <col min="5905" max="5905" width="25" style="219" customWidth="1"/>
    <col min="5906" max="5906" width="13.625" style="219" customWidth="1"/>
    <col min="5907" max="5920" width="4.875" style="219" customWidth="1"/>
    <col min="5921" max="5921" width="12" style="219" bestFit="1" customWidth="1"/>
    <col min="5922" max="6155" width="9" style="219"/>
    <col min="6156" max="6156" width="4.25" style="219" customWidth="1"/>
    <col min="6157" max="6157" width="25" style="219" customWidth="1"/>
    <col min="6158" max="6158" width="41.625" style="219" customWidth="1"/>
    <col min="6159" max="6159" width="19.625" style="219" customWidth="1"/>
    <col min="6160" max="6160" width="33.875" style="219" customWidth="1"/>
    <col min="6161" max="6161" width="25" style="219" customWidth="1"/>
    <col min="6162" max="6162" width="13.625" style="219" customWidth="1"/>
    <col min="6163" max="6176" width="4.875" style="219" customWidth="1"/>
    <col min="6177" max="6177" width="12" style="219" bestFit="1" customWidth="1"/>
    <col min="6178" max="6411" width="9" style="219"/>
    <col min="6412" max="6412" width="4.25" style="219" customWidth="1"/>
    <col min="6413" max="6413" width="25" style="219" customWidth="1"/>
    <col min="6414" max="6414" width="41.625" style="219" customWidth="1"/>
    <col min="6415" max="6415" width="19.625" style="219" customWidth="1"/>
    <col min="6416" max="6416" width="33.875" style="219" customWidth="1"/>
    <col min="6417" max="6417" width="25" style="219" customWidth="1"/>
    <col min="6418" max="6418" width="13.625" style="219" customWidth="1"/>
    <col min="6419" max="6432" width="4.875" style="219" customWidth="1"/>
    <col min="6433" max="6433" width="12" style="219" bestFit="1" customWidth="1"/>
    <col min="6434" max="6667" width="9" style="219"/>
    <col min="6668" max="6668" width="4.25" style="219" customWidth="1"/>
    <col min="6669" max="6669" width="25" style="219" customWidth="1"/>
    <col min="6670" max="6670" width="41.625" style="219" customWidth="1"/>
    <col min="6671" max="6671" width="19.625" style="219" customWidth="1"/>
    <col min="6672" max="6672" width="33.875" style="219" customWidth="1"/>
    <col min="6673" max="6673" width="25" style="219" customWidth="1"/>
    <col min="6674" max="6674" width="13.625" style="219" customWidth="1"/>
    <col min="6675" max="6688" width="4.875" style="219" customWidth="1"/>
    <col min="6689" max="6689" width="12" style="219" bestFit="1" customWidth="1"/>
    <col min="6690" max="6923" width="9" style="219"/>
    <col min="6924" max="6924" width="4.25" style="219" customWidth="1"/>
    <col min="6925" max="6925" width="25" style="219" customWidth="1"/>
    <col min="6926" max="6926" width="41.625" style="219" customWidth="1"/>
    <col min="6927" max="6927" width="19.625" style="219" customWidth="1"/>
    <col min="6928" max="6928" width="33.875" style="219" customWidth="1"/>
    <col min="6929" max="6929" width="25" style="219" customWidth="1"/>
    <col min="6930" max="6930" width="13.625" style="219" customWidth="1"/>
    <col min="6931" max="6944" width="4.875" style="219" customWidth="1"/>
    <col min="6945" max="6945" width="12" style="219" bestFit="1" customWidth="1"/>
    <col min="6946" max="7179" width="9" style="219"/>
    <col min="7180" max="7180" width="4.25" style="219" customWidth="1"/>
    <col min="7181" max="7181" width="25" style="219" customWidth="1"/>
    <col min="7182" max="7182" width="41.625" style="219" customWidth="1"/>
    <col min="7183" max="7183" width="19.625" style="219" customWidth="1"/>
    <col min="7184" max="7184" width="33.875" style="219" customWidth="1"/>
    <col min="7185" max="7185" width="25" style="219" customWidth="1"/>
    <col min="7186" max="7186" width="13.625" style="219" customWidth="1"/>
    <col min="7187" max="7200" width="4.875" style="219" customWidth="1"/>
    <col min="7201" max="7201" width="12" style="219" bestFit="1" customWidth="1"/>
    <col min="7202" max="7435" width="9" style="219"/>
    <col min="7436" max="7436" width="4.25" style="219" customWidth="1"/>
    <col min="7437" max="7437" width="25" style="219" customWidth="1"/>
    <col min="7438" max="7438" width="41.625" style="219" customWidth="1"/>
    <col min="7439" max="7439" width="19.625" style="219" customWidth="1"/>
    <col min="7440" max="7440" width="33.875" style="219" customWidth="1"/>
    <col min="7441" max="7441" width="25" style="219" customWidth="1"/>
    <col min="7442" max="7442" width="13.625" style="219" customWidth="1"/>
    <col min="7443" max="7456" width="4.875" style="219" customWidth="1"/>
    <col min="7457" max="7457" width="12" style="219" bestFit="1" customWidth="1"/>
    <col min="7458" max="7691" width="9" style="219"/>
    <col min="7692" max="7692" width="4.25" style="219" customWidth="1"/>
    <col min="7693" max="7693" width="25" style="219" customWidth="1"/>
    <col min="7694" max="7694" width="41.625" style="219" customWidth="1"/>
    <col min="7695" max="7695" width="19.625" style="219" customWidth="1"/>
    <col min="7696" max="7696" width="33.875" style="219" customWidth="1"/>
    <col min="7697" max="7697" width="25" style="219" customWidth="1"/>
    <col min="7698" max="7698" width="13.625" style="219" customWidth="1"/>
    <col min="7699" max="7712" width="4.875" style="219" customWidth="1"/>
    <col min="7713" max="7713" width="12" style="219" bestFit="1" customWidth="1"/>
    <col min="7714" max="7947" width="9" style="219"/>
    <col min="7948" max="7948" width="4.25" style="219" customWidth="1"/>
    <col min="7949" max="7949" width="25" style="219" customWidth="1"/>
    <col min="7950" max="7950" width="41.625" style="219" customWidth="1"/>
    <col min="7951" max="7951" width="19.625" style="219" customWidth="1"/>
    <col min="7952" max="7952" width="33.875" style="219" customWidth="1"/>
    <col min="7953" max="7953" width="25" style="219" customWidth="1"/>
    <col min="7954" max="7954" width="13.625" style="219" customWidth="1"/>
    <col min="7955" max="7968" width="4.875" style="219" customWidth="1"/>
    <col min="7969" max="7969" width="12" style="219" bestFit="1" customWidth="1"/>
    <col min="7970" max="8203" width="9" style="219"/>
    <col min="8204" max="8204" width="4.25" style="219" customWidth="1"/>
    <col min="8205" max="8205" width="25" style="219" customWidth="1"/>
    <col min="8206" max="8206" width="41.625" style="219" customWidth="1"/>
    <col min="8207" max="8207" width="19.625" style="219" customWidth="1"/>
    <col min="8208" max="8208" width="33.875" style="219" customWidth="1"/>
    <col min="8209" max="8209" width="25" style="219" customWidth="1"/>
    <col min="8210" max="8210" width="13.625" style="219" customWidth="1"/>
    <col min="8211" max="8224" width="4.875" style="219" customWidth="1"/>
    <col min="8225" max="8225" width="12" style="219" bestFit="1" customWidth="1"/>
    <col min="8226" max="8459" width="9" style="219"/>
    <col min="8460" max="8460" width="4.25" style="219" customWidth="1"/>
    <col min="8461" max="8461" width="25" style="219" customWidth="1"/>
    <col min="8462" max="8462" width="41.625" style="219" customWidth="1"/>
    <col min="8463" max="8463" width="19.625" style="219" customWidth="1"/>
    <col min="8464" max="8464" width="33.875" style="219" customWidth="1"/>
    <col min="8465" max="8465" width="25" style="219" customWidth="1"/>
    <col min="8466" max="8466" width="13.625" style="219" customWidth="1"/>
    <col min="8467" max="8480" width="4.875" style="219" customWidth="1"/>
    <col min="8481" max="8481" width="12" style="219" bestFit="1" customWidth="1"/>
    <col min="8482" max="8715" width="9" style="219"/>
    <col min="8716" max="8716" width="4.25" style="219" customWidth="1"/>
    <col min="8717" max="8717" width="25" style="219" customWidth="1"/>
    <col min="8718" max="8718" width="41.625" style="219" customWidth="1"/>
    <col min="8719" max="8719" width="19.625" style="219" customWidth="1"/>
    <col min="8720" max="8720" width="33.875" style="219" customWidth="1"/>
    <col min="8721" max="8721" width="25" style="219" customWidth="1"/>
    <col min="8722" max="8722" width="13.625" style="219" customWidth="1"/>
    <col min="8723" max="8736" width="4.875" style="219" customWidth="1"/>
    <col min="8737" max="8737" width="12" style="219" bestFit="1" customWidth="1"/>
    <col min="8738" max="8971" width="9" style="219"/>
    <col min="8972" max="8972" width="4.25" style="219" customWidth="1"/>
    <col min="8973" max="8973" width="25" style="219" customWidth="1"/>
    <col min="8974" max="8974" width="41.625" style="219" customWidth="1"/>
    <col min="8975" max="8975" width="19.625" style="219" customWidth="1"/>
    <col min="8976" max="8976" width="33.875" style="219" customWidth="1"/>
    <col min="8977" max="8977" width="25" style="219" customWidth="1"/>
    <col min="8978" max="8978" width="13.625" style="219" customWidth="1"/>
    <col min="8979" max="8992" width="4.875" style="219" customWidth="1"/>
    <col min="8993" max="8993" width="12" style="219" bestFit="1" customWidth="1"/>
    <col min="8994" max="9227" width="9" style="219"/>
    <col min="9228" max="9228" width="4.25" style="219" customWidth="1"/>
    <col min="9229" max="9229" width="25" style="219" customWidth="1"/>
    <col min="9230" max="9230" width="41.625" style="219" customWidth="1"/>
    <col min="9231" max="9231" width="19.625" style="219" customWidth="1"/>
    <col min="9232" max="9232" width="33.875" style="219" customWidth="1"/>
    <col min="9233" max="9233" width="25" style="219" customWidth="1"/>
    <col min="9234" max="9234" width="13.625" style="219" customWidth="1"/>
    <col min="9235" max="9248" width="4.875" style="219" customWidth="1"/>
    <col min="9249" max="9249" width="12" style="219" bestFit="1" customWidth="1"/>
    <col min="9250" max="9483" width="9" style="219"/>
    <col min="9484" max="9484" width="4.25" style="219" customWidth="1"/>
    <col min="9485" max="9485" width="25" style="219" customWidth="1"/>
    <col min="9486" max="9486" width="41.625" style="219" customWidth="1"/>
    <col min="9487" max="9487" width="19.625" style="219" customWidth="1"/>
    <col min="9488" max="9488" width="33.875" style="219" customWidth="1"/>
    <col min="9489" max="9489" width="25" style="219" customWidth="1"/>
    <col min="9490" max="9490" width="13.625" style="219" customWidth="1"/>
    <col min="9491" max="9504" width="4.875" style="219" customWidth="1"/>
    <col min="9505" max="9505" width="12" style="219" bestFit="1" customWidth="1"/>
    <col min="9506" max="9739" width="9" style="219"/>
    <col min="9740" max="9740" width="4.25" style="219" customWidth="1"/>
    <col min="9741" max="9741" width="25" style="219" customWidth="1"/>
    <col min="9742" max="9742" width="41.625" style="219" customWidth="1"/>
    <col min="9743" max="9743" width="19.625" style="219" customWidth="1"/>
    <col min="9744" max="9744" width="33.875" style="219" customWidth="1"/>
    <col min="9745" max="9745" width="25" style="219" customWidth="1"/>
    <col min="9746" max="9746" width="13.625" style="219" customWidth="1"/>
    <col min="9747" max="9760" width="4.875" style="219" customWidth="1"/>
    <col min="9761" max="9761" width="12" style="219" bestFit="1" customWidth="1"/>
    <col min="9762" max="9995" width="9" style="219"/>
    <col min="9996" max="9996" width="4.25" style="219" customWidth="1"/>
    <col min="9997" max="9997" width="25" style="219" customWidth="1"/>
    <col min="9998" max="9998" width="41.625" style="219" customWidth="1"/>
    <col min="9999" max="9999" width="19.625" style="219" customWidth="1"/>
    <col min="10000" max="10000" width="33.875" style="219" customWidth="1"/>
    <col min="10001" max="10001" width="25" style="219" customWidth="1"/>
    <col min="10002" max="10002" width="13.625" style="219" customWidth="1"/>
    <col min="10003" max="10016" width="4.875" style="219" customWidth="1"/>
    <col min="10017" max="10017" width="12" style="219" bestFit="1" customWidth="1"/>
    <col min="10018" max="10251" width="9" style="219"/>
    <col min="10252" max="10252" width="4.25" style="219" customWidth="1"/>
    <col min="10253" max="10253" width="25" style="219" customWidth="1"/>
    <col min="10254" max="10254" width="41.625" style="219" customWidth="1"/>
    <col min="10255" max="10255" width="19.625" style="219" customWidth="1"/>
    <col min="10256" max="10256" width="33.875" style="219" customWidth="1"/>
    <col min="10257" max="10257" width="25" style="219" customWidth="1"/>
    <col min="10258" max="10258" width="13.625" style="219" customWidth="1"/>
    <col min="10259" max="10272" width="4.875" style="219" customWidth="1"/>
    <col min="10273" max="10273" width="12" style="219" bestFit="1" customWidth="1"/>
    <col min="10274" max="10507" width="9" style="219"/>
    <col min="10508" max="10508" width="4.25" style="219" customWidth="1"/>
    <col min="10509" max="10509" width="25" style="219" customWidth="1"/>
    <col min="10510" max="10510" width="41.625" style="219" customWidth="1"/>
    <col min="10511" max="10511" width="19.625" style="219" customWidth="1"/>
    <col min="10512" max="10512" width="33.875" style="219" customWidth="1"/>
    <col min="10513" max="10513" width="25" style="219" customWidth="1"/>
    <col min="10514" max="10514" width="13.625" style="219" customWidth="1"/>
    <col min="10515" max="10528" width="4.875" style="219" customWidth="1"/>
    <col min="10529" max="10529" width="12" style="219" bestFit="1" customWidth="1"/>
    <col min="10530" max="10763" width="9" style="219"/>
    <col min="10764" max="10764" width="4.25" style="219" customWidth="1"/>
    <col min="10765" max="10765" width="25" style="219" customWidth="1"/>
    <col min="10766" max="10766" width="41.625" style="219" customWidth="1"/>
    <col min="10767" max="10767" width="19.625" style="219" customWidth="1"/>
    <col min="10768" max="10768" width="33.875" style="219" customWidth="1"/>
    <col min="10769" max="10769" width="25" style="219" customWidth="1"/>
    <col min="10770" max="10770" width="13.625" style="219" customWidth="1"/>
    <col min="10771" max="10784" width="4.875" style="219" customWidth="1"/>
    <col min="10785" max="10785" width="12" style="219" bestFit="1" customWidth="1"/>
    <col min="10786" max="11019" width="9" style="219"/>
    <col min="11020" max="11020" width="4.25" style="219" customWidth="1"/>
    <col min="11021" max="11021" width="25" style="219" customWidth="1"/>
    <col min="11022" max="11022" width="41.625" style="219" customWidth="1"/>
    <col min="11023" max="11023" width="19.625" style="219" customWidth="1"/>
    <col min="11024" max="11024" width="33.875" style="219" customWidth="1"/>
    <col min="11025" max="11025" width="25" style="219" customWidth="1"/>
    <col min="11026" max="11026" width="13.625" style="219" customWidth="1"/>
    <col min="11027" max="11040" width="4.875" style="219" customWidth="1"/>
    <col min="11041" max="11041" width="12" style="219" bestFit="1" customWidth="1"/>
    <col min="11042" max="11275" width="9" style="219"/>
    <col min="11276" max="11276" width="4.25" style="219" customWidth="1"/>
    <col min="11277" max="11277" width="25" style="219" customWidth="1"/>
    <col min="11278" max="11278" width="41.625" style="219" customWidth="1"/>
    <col min="11279" max="11279" width="19.625" style="219" customWidth="1"/>
    <col min="11280" max="11280" width="33.875" style="219" customWidth="1"/>
    <col min="11281" max="11281" width="25" style="219" customWidth="1"/>
    <col min="11282" max="11282" width="13.625" style="219" customWidth="1"/>
    <col min="11283" max="11296" width="4.875" style="219" customWidth="1"/>
    <col min="11297" max="11297" width="12" style="219" bestFit="1" customWidth="1"/>
    <col min="11298" max="11531" width="9" style="219"/>
    <col min="11532" max="11532" width="4.25" style="219" customWidth="1"/>
    <col min="11533" max="11533" width="25" style="219" customWidth="1"/>
    <col min="11534" max="11534" width="41.625" style="219" customWidth="1"/>
    <col min="11535" max="11535" width="19.625" style="219" customWidth="1"/>
    <col min="11536" max="11536" width="33.875" style="219" customWidth="1"/>
    <col min="11537" max="11537" width="25" style="219" customWidth="1"/>
    <col min="11538" max="11538" width="13.625" style="219" customWidth="1"/>
    <col min="11539" max="11552" width="4.875" style="219" customWidth="1"/>
    <col min="11553" max="11553" width="12" style="219" bestFit="1" customWidth="1"/>
    <col min="11554" max="11787" width="9" style="219"/>
    <col min="11788" max="11788" width="4.25" style="219" customWidth="1"/>
    <col min="11789" max="11789" width="25" style="219" customWidth="1"/>
    <col min="11790" max="11790" width="41.625" style="219" customWidth="1"/>
    <col min="11791" max="11791" width="19.625" style="219" customWidth="1"/>
    <col min="11792" max="11792" width="33.875" style="219" customWidth="1"/>
    <col min="11793" max="11793" width="25" style="219" customWidth="1"/>
    <col min="11794" max="11794" width="13.625" style="219" customWidth="1"/>
    <col min="11795" max="11808" width="4.875" style="219" customWidth="1"/>
    <col min="11809" max="11809" width="12" style="219" bestFit="1" customWidth="1"/>
    <col min="11810" max="12043" width="9" style="219"/>
    <col min="12044" max="12044" width="4.25" style="219" customWidth="1"/>
    <col min="12045" max="12045" width="25" style="219" customWidth="1"/>
    <col min="12046" max="12046" width="41.625" style="219" customWidth="1"/>
    <col min="12047" max="12047" width="19.625" style="219" customWidth="1"/>
    <col min="12048" max="12048" width="33.875" style="219" customWidth="1"/>
    <col min="12049" max="12049" width="25" style="219" customWidth="1"/>
    <col min="12050" max="12050" width="13.625" style="219" customWidth="1"/>
    <col min="12051" max="12064" width="4.875" style="219" customWidth="1"/>
    <col min="12065" max="12065" width="12" style="219" bestFit="1" customWidth="1"/>
    <col min="12066" max="12299" width="9" style="219"/>
    <col min="12300" max="12300" width="4.25" style="219" customWidth="1"/>
    <col min="12301" max="12301" width="25" style="219" customWidth="1"/>
    <col min="12302" max="12302" width="41.625" style="219" customWidth="1"/>
    <col min="12303" max="12303" width="19.625" style="219" customWidth="1"/>
    <col min="12304" max="12304" width="33.875" style="219" customWidth="1"/>
    <col min="12305" max="12305" width="25" style="219" customWidth="1"/>
    <col min="12306" max="12306" width="13.625" style="219" customWidth="1"/>
    <col min="12307" max="12320" width="4.875" style="219" customWidth="1"/>
    <col min="12321" max="12321" width="12" style="219" bestFit="1" customWidth="1"/>
    <col min="12322" max="12555" width="9" style="219"/>
    <col min="12556" max="12556" width="4.25" style="219" customWidth="1"/>
    <col min="12557" max="12557" width="25" style="219" customWidth="1"/>
    <col min="12558" max="12558" width="41.625" style="219" customWidth="1"/>
    <col min="12559" max="12559" width="19.625" style="219" customWidth="1"/>
    <col min="12560" max="12560" width="33.875" style="219" customWidth="1"/>
    <col min="12561" max="12561" width="25" style="219" customWidth="1"/>
    <col min="12562" max="12562" width="13.625" style="219" customWidth="1"/>
    <col min="12563" max="12576" width="4.875" style="219" customWidth="1"/>
    <col min="12577" max="12577" width="12" style="219" bestFit="1" customWidth="1"/>
    <col min="12578" max="12811" width="9" style="219"/>
    <col min="12812" max="12812" width="4.25" style="219" customWidth="1"/>
    <col min="12813" max="12813" width="25" style="219" customWidth="1"/>
    <col min="12814" max="12814" width="41.625" style="219" customWidth="1"/>
    <col min="12815" max="12815" width="19.625" style="219" customWidth="1"/>
    <col min="12816" max="12816" width="33.875" style="219" customWidth="1"/>
    <col min="12817" max="12817" width="25" style="219" customWidth="1"/>
    <col min="12818" max="12818" width="13.625" style="219" customWidth="1"/>
    <col min="12819" max="12832" width="4.875" style="219" customWidth="1"/>
    <col min="12833" max="12833" width="12" style="219" bestFit="1" customWidth="1"/>
    <col min="12834" max="13067" width="9" style="219"/>
    <col min="13068" max="13068" width="4.25" style="219" customWidth="1"/>
    <col min="13069" max="13069" width="25" style="219" customWidth="1"/>
    <col min="13070" max="13070" width="41.625" style="219" customWidth="1"/>
    <col min="13071" max="13071" width="19.625" style="219" customWidth="1"/>
    <col min="13072" max="13072" width="33.875" style="219" customWidth="1"/>
    <col min="13073" max="13073" width="25" style="219" customWidth="1"/>
    <col min="13074" max="13074" width="13.625" style="219" customWidth="1"/>
    <col min="13075" max="13088" width="4.875" style="219" customWidth="1"/>
    <col min="13089" max="13089" width="12" style="219" bestFit="1" customWidth="1"/>
    <col min="13090" max="13323" width="9" style="219"/>
    <col min="13324" max="13324" width="4.25" style="219" customWidth="1"/>
    <col min="13325" max="13325" width="25" style="219" customWidth="1"/>
    <col min="13326" max="13326" width="41.625" style="219" customWidth="1"/>
    <col min="13327" max="13327" width="19.625" style="219" customWidth="1"/>
    <col min="13328" max="13328" width="33.875" style="219" customWidth="1"/>
    <col min="13329" max="13329" width="25" style="219" customWidth="1"/>
    <col min="13330" max="13330" width="13.625" style="219" customWidth="1"/>
    <col min="13331" max="13344" width="4.875" style="219" customWidth="1"/>
    <col min="13345" max="13345" width="12" style="219" bestFit="1" customWidth="1"/>
    <col min="13346" max="13579" width="9" style="219"/>
    <col min="13580" max="13580" width="4.25" style="219" customWidth="1"/>
    <col min="13581" max="13581" width="25" style="219" customWidth="1"/>
    <col min="13582" max="13582" width="41.625" style="219" customWidth="1"/>
    <col min="13583" max="13583" width="19.625" style="219" customWidth="1"/>
    <col min="13584" max="13584" width="33.875" style="219" customWidth="1"/>
    <col min="13585" max="13585" width="25" style="219" customWidth="1"/>
    <col min="13586" max="13586" width="13.625" style="219" customWidth="1"/>
    <col min="13587" max="13600" width="4.875" style="219" customWidth="1"/>
    <col min="13601" max="13601" width="12" style="219" bestFit="1" customWidth="1"/>
    <col min="13602" max="13835" width="9" style="219"/>
    <col min="13836" max="13836" width="4.25" style="219" customWidth="1"/>
    <col min="13837" max="13837" width="25" style="219" customWidth="1"/>
    <col min="13838" max="13838" width="41.625" style="219" customWidth="1"/>
    <col min="13839" max="13839" width="19.625" style="219" customWidth="1"/>
    <col min="13840" max="13840" width="33.875" style="219" customWidth="1"/>
    <col min="13841" max="13841" width="25" style="219" customWidth="1"/>
    <col min="13842" max="13842" width="13.625" style="219" customWidth="1"/>
    <col min="13843" max="13856" width="4.875" style="219" customWidth="1"/>
    <col min="13857" max="13857" width="12" style="219" bestFit="1" customWidth="1"/>
    <col min="13858" max="14091" width="9" style="219"/>
    <col min="14092" max="14092" width="4.25" style="219" customWidth="1"/>
    <col min="14093" max="14093" width="25" style="219" customWidth="1"/>
    <col min="14094" max="14094" width="41.625" style="219" customWidth="1"/>
    <col min="14095" max="14095" width="19.625" style="219" customWidth="1"/>
    <col min="14096" max="14096" width="33.875" style="219" customWidth="1"/>
    <col min="14097" max="14097" width="25" style="219" customWidth="1"/>
    <col min="14098" max="14098" width="13.625" style="219" customWidth="1"/>
    <col min="14099" max="14112" width="4.875" style="219" customWidth="1"/>
    <col min="14113" max="14113" width="12" style="219" bestFit="1" customWidth="1"/>
    <col min="14114" max="14347" width="9" style="219"/>
    <col min="14348" max="14348" width="4.25" style="219" customWidth="1"/>
    <col min="14349" max="14349" width="25" style="219" customWidth="1"/>
    <col min="14350" max="14350" width="41.625" style="219" customWidth="1"/>
    <col min="14351" max="14351" width="19.625" style="219" customWidth="1"/>
    <col min="14352" max="14352" width="33.875" style="219" customWidth="1"/>
    <col min="14353" max="14353" width="25" style="219" customWidth="1"/>
    <col min="14354" max="14354" width="13.625" style="219" customWidth="1"/>
    <col min="14355" max="14368" width="4.875" style="219" customWidth="1"/>
    <col min="14369" max="14369" width="12" style="219" bestFit="1" customWidth="1"/>
    <col min="14370" max="14603" width="9" style="219"/>
    <col min="14604" max="14604" width="4.25" style="219" customWidth="1"/>
    <col min="14605" max="14605" width="25" style="219" customWidth="1"/>
    <col min="14606" max="14606" width="41.625" style="219" customWidth="1"/>
    <col min="14607" max="14607" width="19.625" style="219" customWidth="1"/>
    <col min="14608" max="14608" width="33.875" style="219" customWidth="1"/>
    <col min="14609" max="14609" width="25" style="219" customWidth="1"/>
    <col min="14610" max="14610" width="13.625" style="219" customWidth="1"/>
    <col min="14611" max="14624" width="4.875" style="219" customWidth="1"/>
    <col min="14625" max="14625" width="12" style="219" bestFit="1" customWidth="1"/>
    <col min="14626" max="14859" width="9" style="219"/>
    <col min="14860" max="14860" width="4.25" style="219" customWidth="1"/>
    <col min="14861" max="14861" width="25" style="219" customWidth="1"/>
    <col min="14862" max="14862" width="41.625" style="219" customWidth="1"/>
    <col min="14863" max="14863" width="19.625" style="219" customWidth="1"/>
    <col min="14864" max="14864" width="33.875" style="219" customWidth="1"/>
    <col min="14865" max="14865" width="25" style="219" customWidth="1"/>
    <col min="14866" max="14866" width="13.625" style="219" customWidth="1"/>
    <col min="14867" max="14880" width="4.875" style="219" customWidth="1"/>
    <col min="14881" max="14881" width="12" style="219" bestFit="1" customWidth="1"/>
    <col min="14882" max="15115" width="9" style="219"/>
    <col min="15116" max="15116" width="4.25" style="219" customWidth="1"/>
    <col min="15117" max="15117" width="25" style="219" customWidth="1"/>
    <col min="15118" max="15118" width="41.625" style="219" customWidth="1"/>
    <col min="15119" max="15119" width="19.625" style="219" customWidth="1"/>
    <col min="15120" max="15120" width="33.875" style="219" customWidth="1"/>
    <col min="15121" max="15121" width="25" style="219" customWidth="1"/>
    <col min="15122" max="15122" width="13.625" style="219" customWidth="1"/>
    <col min="15123" max="15136" width="4.875" style="219" customWidth="1"/>
    <col min="15137" max="15137" width="12" style="219" bestFit="1" customWidth="1"/>
    <col min="15138" max="15371" width="9" style="219"/>
    <col min="15372" max="15372" width="4.25" style="219" customWidth="1"/>
    <col min="15373" max="15373" width="25" style="219" customWidth="1"/>
    <col min="15374" max="15374" width="41.625" style="219" customWidth="1"/>
    <col min="15375" max="15375" width="19.625" style="219" customWidth="1"/>
    <col min="15376" max="15376" width="33.875" style="219" customWidth="1"/>
    <col min="15377" max="15377" width="25" style="219" customWidth="1"/>
    <col min="15378" max="15378" width="13.625" style="219" customWidth="1"/>
    <col min="15379" max="15392" width="4.875" style="219" customWidth="1"/>
    <col min="15393" max="15393" width="12" style="219" bestFit="1" customWidth="1"/>
    <col min="15394" max="15627" width="9" style="219"/>
    <col min="15628" max="15628" width="4.25" style="219" customWidth="1"/>
    <col min="15629" max="15629" width="25" style="219" customWidth="1"/>
    <col min="15630" max="15630" width="41.625" style="219" customWidth="1"/>
    <col min="15631" max="15631" width="19.625" style="219" customWidth="1"/>
    <col min="15632" max="15632" width="33.875" style="219" customWidth="1"/>
    <col min="15633" max="15633" width="25" style="219" customWidth="1"/>
    <col min="15634" max="15634" width="13.625" style="219" customWidth="1"/>
    <col min="15635" max="15648" width="4.875" style="219" customWidth="1"/>
    <col min="15649" max="15649" width="12" style="219" bestFit="1" customWidth="1"/>
    <col min="15650" max="15883" width="9" style="219"/>
    <col min="15884" max="15884" width="4.25" style="219" customWidth="1"/>
    <col min="15885" max="15885" width="25" style="219" customWidth="1"/>
    <col min="15886" max="15886" width="41.625" style="219" customWidth="1"/>
    <col min="15887" max="15887" width="19.625" style="219" customWidth="1"/>
    <col min="15888" max="15888" width="33.875" style="219" customWidth="1"/>
    <col min="15889" max="15889" width="25" style="219" customWidth="1"/>
    <col min="15890" max="15890" width="13.625" style="219" customWidth="1"/>
    <col min="15891" max="15904" width="4.875" style="219" customWidth="1"/>
    <col min="15905" max="15905" width="12" style="219" bestFit="1" customWidth="1"/>
    <col min="15906" max="16139" width="9" style="219"/>
    <col min="16140" max="16140" width="4.25" style="219" customWidth="1"/>
    <col min="16141" max="16141" width="25" style="219" customWidth="1"/>
    <col min="16142" max="16142" width="41.625" style="219" customWidth="1"/>
    <col min="16143" max="16143" width="19.625" style="219" customWidth="1"/>
    <col min="16144" max="16144" width="33.875" style="219" customWidth="1"/>
    <col min="16145" max="16145" width="25" style="219" customWidth="1"/>
    <col min="16146" max="16146" width="13.625" style="219" customWidth="1"/>
    <col min="16147" max="16160" width="4.875" style="219" customWidth="1"/>
    <col min="16161" max="16161" width="12" style="219" bestFit="1" customWidth="1"/>
    <col min="16162" max="16384" width="9" style="219"/>
  </cols>
  <sheetData>
    <row r="2" spans="1:32" ht="20.25" customHeight="1" x14ac:dyDescent="0.15">
      <c r="A2" s="86" t="s">
        <v>163</v>
      </c>
      <c r="B2" s="86"/>
      <c r="C2" s="198"/>
      <c r="D2" s="198"/>
      <c r="E2" s="198"/>
      <c r="F2" s="198"/>
      <c r="G2" s="96"/>
      <c r="H2" s="198"/>
      <c r="I2" s="198"/>
      <c r="J2" s="198"/>
      <c r="K2" s="198"/>
      <c r="L2" s="198"/>
      <c r="M2" s="198"/>
      <c r="N2" s="198"/>
      <c r="O2" s="198"/>
      <c r="P2" s="198"/>
      <c r="Q2" s="198"/>
      <c r="R2" s="198"/>
      <c r="S2" s="198"/>
      <c r="T2" s="198"/>
      <c r="U2" s="198"/>
      <c r="V2" s="198"/>
      <c r="W2" s="198"/>
      <c r="X2" s="198"/>
      <c r="Y2" s="198"/>
      <c r="Z2" s="198"/>
      <c r="AA2" s="198"/>
      <c r="AB2" s="198"/>
      <c r="AC2" s="198"/>
      <c r="AD2" s="198"/>
      <c r="AE2" s="198"/>
      <c r="AF2" s="198"/>
    </row>
    <row r="4" spans="1:32" ht="20.25" customHeight="1" x14ac:dyDescent="0.15">
      <c r="A4" s="278" t="s">
        <v>142</v>
      </c>
      <c r="B4" s="278"/>
      <c r="C4" s="278"/>
      <c r="D4" s="278"/>
      <c r="E4" s="278"/>
      <c r="F4" s="278"/>
      <c r="G4" s="278"/>
      <c r="H4" s="278"/>
      <c r="I4" s="278"/>
      <c r="J4" s="278"/>
      <c r="K4" s="278"/>
      <c r="L4" s="278"/>
      <c r="M4" s="278"/>
      <c r="N4" s="278"/>
      <c r="O4" s="278"/>
      <c r="P4" s="278"/>
      <c r="Q4" s="278"/>
      <c r="R4" s="278"/>
      <c r="S4" s="278"/>
      <c r="T4" s="278"/>
      <c r="U4" s="278"/>
      <c r="V4" s="278"/>
      <c r="W4" s="278"/>
      <c r="X4" s="278"/>
      <c r="Y4" s="278"/>
      <c r="Z4" s="278"/>
      <c r="AA4" s="278"/>
      <c r="AB4" s="278"/>
      <c r="AC4" s="278"/>
      <c r="AD4" s="278"/>
      <c r="AE4" s="278"/>
      <c r="AF4" s="278"/>
    </row>
    <row r="5" spans="1:32" ht="20.25" customHeight="1" x14ac:dyDescent="0.15">
      <c r="A5" s="111"/>
      <c r="B5" s="111"/>
      <c r="C5" s="198"/>
      <c r="D5" s="198"/>
      <c r="E5" s="198"/>
      <c r="F5" s="198"/>
      <c r="G5" s="96"/>
      <c r="H5" s="198"/>
      <c r="I5" s="198"/>
      <c r="J5" s="198"/>
      <c r="K5" s="198"/>
      <c r="L5" s="198"/>
      <c r="M5" s="198"/>
      <c r="N5" s="198"/>
      <c r="O5" s="198"/>
      <c r="P5" s="198"/>
      <c r="Q5" s="198"/>
      <c r="R5" s="198"/>
      <c r="S5" s="198"/>
      <c r="T5" s="198"/>
      <c r="U5" s="198"/>
      <c r="V5" s="198"/>
      <c r="W5" s="198"/>
      <c r="X5" s="198"/>
      <c r="Y5" s="198"/>
      <c r="Z5" s="198"/>
      <c r="AA5" s="198"/>
      <c r="AB5" s="198"/>
      <c r="AC5" s="198"/>
      <c r="AD5" s="198"/>
      <c r="AE5" s="198"/>
      <c r="AF5" s="198"/>
    </row>
    <row r="6" spans="1:32" ht="30" customHeight="1" x14ac:dyDescent="0.15">
      <c r="A6" s="111"/>
      <c r="B6" s="111"/>
      <c r="C6" s="198"/>
      <c r="D6" s="198"/>
      <c r="E6" s="198"/>
      <c r="F6" s="198"/>
      <c r="G6" s="96"/>
      <c r="H6" s="198"/>
      <c r="I6" s="198"/>
      <c r="S6" s="279" t="s">
        <v>87</v>
      </c>
      <c r="T6" s="280"/>
      <c r="U6" s="280"/>
      <c r="V6" s="281"/>
      <c r="W6" s="186"/>
      <c r="X6" s="187"/>
      <c r="Y6" s="187"/>
      <c r="Z6" s="187"/>
      <c r="AA6" s="187"/>
      <c r="AB6" s="187"/>
      <c r="AC6" s="187"/>
      <c r="AD6" s="187"/>
      <c r="AE6" s="187"/>
      <c r="AF6" s="201"/>
    </row>
    <row r="7" spans="1:32" ht="20.25" customHeight="1" x14ac:dyDescent="0.15">
      <c r="A7" s="111"/>
      <c r="B7" s="111"/>
      <c r="C7" s="198"/>
      <c r="D7" s="198"/>
      <c r="E7" s="198"/>
      <c r="F7" s="198"/>
      <c r="G7" s="96"/>
      <c r="H7" s="198"/>
      <c r="I7" s="198"/>
      <c r="J7" s="198"/>
      <c r="K7" s="198"/>
      <c r="L7" s="198"/>
      <c r="M7" s="198"/>
      <c r="N7" s="198"/>
      <c r="O7" s="198"/>
      <c r="P7" s="198"/>
      <c r="Q7" s="198"/>
      <c r="R7" s="198"/>
      <c r="S7" s="198"/>
      <c r="T7" s="198"/>
      <c r="U7" s="198"/>
      <c r="V7" s="198"/>
      <c r="W7" s="198"/>
      <c r="X7" s="198"/>
      <c r="Y7" s="198"/>
      <c r="Z7" s="198"/>
      <c r="AA7" s="198"/>
      <c r="AB7" s="198"/>
      <c r="AC7" s="198"/>
      <c r="AD7" s="198"/>
      <c r="AE7" s="198"/>
      <c r="AF7" s="198"/>
    </row>
    <row r="8" spans="1:32" ht="18" customHeight="1" x14ac:dyDescent="0.15">
      <c r="A8" s="279" t="s">
        <v>88</v>
      </c>
      <c r="B8" s="280"/>
      <c r="C8" s="281"/>
      <c r="D8" s="279" t="s">
        <v>3</v>
      </c>
      <c r="E8" s="281"/>
      <c r="F8" s="282" t="s">
        <v>89</v>
      </c>
      <c r="G8" s="283"/>
      <c r="H8" s="279" t="s">
        <v>136</v>
      </c>
      <c r="I8" s="280"/>
      <c r="J8" s="280"/>
      <c r="K8" s="280"/>
      <c r="L8" s="280"/>
      <c r="M8" s="280"/>
      <c r="N8" s="280"/>
      <c r="O8" s="280"/>
      <c r="P8" s="280"/>
      <c r="Q8" s="280"/>
      <c r="R8" s="280"/>
      <c r="S8" s="280"/>
      <c r="T8" s="280"/>
      <c r="U8" s="280"/>
      <c r="V8" s="280"/>
      <c r="W8" s="280"/>
      <c r="X8" s="280"/>
      <c r="Y8" s="280"/>
      <c r="Z8" s="280"/>
      <c r="AA8" s="280"/>
      <c r="AB8" s="280"/>
      <c r="AC8" s="280"/>
      <c r="AD8" s="280"/>
      <c r="AE8" s="280"/>
      <c r="AF8" s="281"/>
    </row>
    <row r="9" spans="1:32" ht="18.75" customHeight="1" x14ac:dyDescent="0.15">
      <c r="A9" s="264" t="s">
        <v>92</v>
      </c>
      <c r="B9" s="265"/>
      <c r="C9" s="266"/>
      <c r="D9" s="202"/>
      <c r="E9" s="120"/>
      <c r="F9" s="118"/>
      <c r="G9" s="185"/>
      <c r="H9" s="270" t="s">
        <v>93</v>
      </c>
      <c r="I9" s="180" t="s">
        <v>212</v>
      </c>
      <c r="J9" s="103" t="s">
        <v>175</v>
      </c>
      <c r="K9" s="103"/>
      <c r="L9" s="103"/>
      <c r="M9" s="181" t="s">
        <v>212</v>
      </c>
      <c r="N9" s="103" t="s">
        <v>176</v>
      </c>
      <c r="O9" s="103"/>
      <c r="P9" s="103"/>
      <c r="Q9" s="181" t="s">
        <v>212</v>
      </c>
      <c r="R9" s="103" t="s">
        <v>177</v>
      </c>
      <c r="S9" s="103"/>
      <c r="T9" s="103"/>
      <c r="U9" s="181" t="s">
        <v>212</v>
      </c>
      <c r="V9" s="103" t="s">
        <v>178</v>
      </c>
      <c r="W9" s="103"/>
      <c r="X9" s="103"/>
      <c r="Y9" s="103"/>
      <c r="Z9" s="103"/>
      <c r="AA9" s="103"/>
      <c r="AB9" s="103"/>
      <c r="AC9" s="103"/>
      <c r="AD9" s="103"/>
      <c r="AE9" s="103"/>
      <c r="AF9" s="104"/>
    </row>
    <row r="10" spans="1:32" ht="18.75" customHeight="1" x14ac:dyDescent="0.15">
      <c r="A10" s="267"/>
      <c r="B10" s="268"/>
      <c r="C10" s="269"/>
      <c r="D10" s="204"/>
      <c r="E10" s="122"/>
      <c r="F10" s="121"/>
      <c r="G10" s="153"/>
      <c r="H10" s="271"/>
      <c r="I10" s="170" t="s">
        <v>212</v>
      </c>
      <c r="J10" s="91" t="s">
        <v>179</v>
      </c>
      <c r="K10" s="91"/>
      <c r="L10" s="91"/>
      <c r="M10" s="182" t="s">
        <v>212</v>
      </c>
      <c r="N10" s="91" t="s">
        <v>180</v>
      </c>
      <c r="O10" s="91"/>
      <c r="P10" s="91"/>
      <c r="Q10" s="182" t="s">
        <v>212</v>
      </c>
      <c r="R10" s="91" t="s">
        <v>181</v>
      </c>
      <c r="S10" s="91"/>
      <c r="T10" s="91"/>
      <c r="U10" s="182" t="s">
        <v>212</v>
      </c>
      <c r="V10" s="91" t="s">
        <v>182</v>
      </c>
      <c r="W10" s="91"/>
      <c r="X10" s="91"/>
      <c r="Y10" s="206"/>
      <c r="Z10" s="206"/>
      <c r="AA10" s="206"/>
      <c r="AB10" s="206"/>
      <c r="AC10" s="206"/>
      <c r="AD10" s="206"/>
      <c r="AE10" s="206"/>
      <c r="AF10" s="122"/>
    </row>
    <row r="11" spans="1:32" ht="18.75" customHeight="1" x14ac:dyDescent="0.15">
      <c r="A11" s="102"/>
      <c r="B11" s="203"/>
      <c r="C11" s="212"/>
      <c r="D11" s="223"/>
      <c r="E11" s="128"/>
      <c r="F11" s="223"/>
      <c r="G11" s="134"/>
      <c r="H11" s="191" t="s">
        <v>124</v>
      </c>
      <c r="I11" s="209" t="s">
        <v>212</v>
      </c>
      <c r="J11" s="142" t="s">
        <v>184</v>
      </c>
      <c r="K11" s="144"/>
      <c r="L11" s="211" t="s">
        <v>212</v>
      </c>
      <c r="M11" s="142" t="s">
        <v>196</v>
      </c>
      <c r="N11" s="144"/>
      <c r="O11" s="131"/>
      <c r="P11" s="131"/>
      <c r="Q11" s="131"/>
      <c r="R11" s="131"/>
      <c r="S11" s="131"/>
      <c r="T11" s="131"/>
      <c r="U11" s="131"/>
      <c r="V11" s="131"/>
      <c r="W11" s="131"/>
      <c r="X11" s="131"/>
      <c r="Y11" s="131"/>
      <c r="Z11" s="131"/>
      <c r="AA11" s="131"/>
      <c r="AB11" s="131"/>
      <c r="AC11" s="131"/>
      <c r="AD11" s="131"/>
      <c r="AE11" s="131"/>
      <c r="AF11" s="132"/>
    </row>
    <row r="12" spans="1:32" ht="18.75" customHeight="1" x14ac:dyDescent="0.15">
      <c r="A12" s="167"/>
      <c r="B12" s="157"/>
      <c r="C12" s="213"/>
      <c r="D12" s="226"/>
      <c r="E12" s="115"/>
      <c r="F12" s="226"/>
      <c r="G12" s="184"/>
      <c r="H12" s="297" t="s">
        <v>159</v>
      </c>
      <c r="I12" s="258" t="s">
        <v>212</v>
      </c>
      <c r="J12" s="256" t="s">
        <v>189</v>
      </c>
      <c r="K12" s="256"/>
      <c r="L12" s="256"/>
      <c r="M12" s="258" t="s">
        <v>212</v>
      </c>
      <c r="N12" s="256" t="s">
        <v>190</v>
      </c>
      <c r="O12" s="256"/>
      <c r="P12" s="256"/>
      <c r="Q12" s="129"/>
      <c r="R12" s="129"/>
      <c r="S12" s="129"/>
      <c r="T12" s="129"/>
      <c r="U12" s="129"/>
      <c r="V12" s="129"/>
      <c r="W12" s="129"/>
      <c r="X12" s="129"/>
      <c r="Y12" s="129"/>
      <c r="Z12" s="129"/>
      <c r="AA12" s="129"/>
      <c r="AB12" s="129"/>
      <c r="AC12" s="129"/>
      <c r="AD12" s="129"/>
      <c r="AE12" s="129"/>
      <c r="AF12" s="130"/>
    </row>
    <row r="13" spans="1:32" ht="18.75" customHeight="1" x14ac:dyDescent="0.15">
      <c r="A13" s="167"/>
      <c r="B13" s="157"/>
      <c r="C13" s="213"/>
      <c r="D13" s="226"/>
      <c r="E13" s="115"/>
      <c r="F13" s="226"/>
      <c r="G13" s="184"/>
      <c r="H13" s="298"/>
      <c r="I13" s="259"/>
      <c r="J13" s="257"/>
      <c r="K13" s="257"/>
      <c r="L13" s="257"/>
      <c r="M13" s="259"/>
      <c r="N13" s="257"/>
      <c r="O13" s="257"/>
      <c r="P13" s="257"/>
      <c r="Q13" s="131"/>
      <c r="R13" s="131"/>
      <c r="S13" s="131"/>
      <c r="T13" s="131"/>
      <c r="U13" s="131"/>
      <c r="V13" s="131"/>
      <c r="W13" s="131"/>
      <c r="X13" s="131"/>
      <c r="Y13" s="131"/>
      <c r="Z13" s="131"/>
      <c r="AA13" s="131"/>
      <c r="AB13" s="131"/>
      <c r="AC13" s="131"/>
      <c r="AD13" s="131"/>
      <c r="AE13" s="131"/>
      <c r="AF13" s="132"/>
    </row>
    <row r="14" spans="1:32" ht="18.75" customHeight="1" x14ac:dyDescent="0.15">
      <c r="A14" s="167"/>
      <c r="B14" s="157"/>
      <c r="C14" s="213"/>
      <c r="D14" s="226"/>
      <c r="E14" s="115"/>
      <c r="F14" s="226"/>
      <c r="G14" s="184"/>
      <c r="H14" s="297" t="s">
        <v>160</v>
      </c>
      <c r="I14" s="258" t="s">
        <v>212</v>
      </c>
      <c r="J14" s="256" t="s">
        <v>189</v>
      </c>
      <c r="K14" s="256"/>
      <c r="L14" s="256"/>
      <c r="M14" s="258" t="s">
        <v>212</v>
      </c>
      <c r="N14" s="256" t="s">
        <v>190</v>
      </c>
      <c r="O14" s="256"/>
      <c r="P14" s="256"/>
      <c r="Q14" s="129"/>
      <c r="R14" s="129"/>
      <c r="S14" s="129"/>
      <c r="T14" s="129"/>
      <c r="U14" s="129"/>
      <c r="V14" s="129"/>
      <c r="W14" s="129"/>
      <c r="X14" s="129"/>
      <c r="Y14" s="129"/>
      <c r="Z14" s="129"/>
      <c r="AA14" s="129"/>
      <c r="AB14" s="129"/>
      <c r="AC14" s="129"/>
      <c r="AD14" s="129"/>
      <c r="AE14" s="129"/>
      <c r="AF14" s="130"/>
    </row>
    <row r="15" spans="1:32" ht="18.75" customHeight="1" x14ac:dyDescent="0.15">
      <c r="A15" s="216" t="s">
        <v>212</v>
      </c>
      <c r="B15" s="157">
        <v>76</v>
      </c>
      <c r="C15" s="213" t="s">
        <v>225</v>
      </c>
      <c r="D15" s="216" t="s">
        <v>212</v>
      </c>
      <c r="E15" s="115" t="s">
        <v>223</v>
      </c>
      <c r="F15" s="226"/>
      <c r="G15" s="184"/>
      <c r="H15" s="298"/>
      <c r="I15" s="259"/>
      <c r="J15" s="257"/>
      <c r="K15" s="257"/>
      <c r="L15" s="257"/>
      <c r="M15" s="259"/>
      <c r="N15" s="257"/>
      <c r="O15" s="257"/>
      <c r="P15" s="257"/>
      <c r="Q15" s="131"/>
      <c r="R15" s="131"/>
      <c r="S15" s="131"/>
      <c r="T15" s="131"/>
      <c r="U15" s="131"/>
      <c r="V15" s="131"/>
      <c r="W15" s="131"/>
      <c r="X15" s="131"/>
      <c r="Y15" s="131"/>
      <c r="Z15" s="131"/>
      <c r="AA15" s="131"/>
      <c r="AB15" s="131"/>
      <c r="AC15" s="131"/>
      <c r="AD15" s="131"/>
      <c r="AE15" s="131"/>
      <c r="AF15" s="132"/>
    </row>
    <row r="16" spans="1:32" ht="18.75" customHeight="1" x14ac:dyDescent="0.15">
      <c r="A16" s="167"/>
      <c r="B16" s="157"/>
      <c r="C16" s="213" t="s">
        <v>226</v>
      </c>
      <c r="D16" s="216" t="s">
        <v>212</v>
      </c>
      <c r="E16" s="115" t="s">
        <v>284</v>
      </c>
      <c r="F16" s="226"/>
      <c r="G16" s="184"/>
      <c r="H16" s="192" t="s">
        <v>110</v>
      </c>
      <c r="I16" s="172" t="s">
        <v>212</v>
      </c>
      <c r="J16" s="138" t="s">
        <v>184</v>
      </c>
      <c r="K16" s="136"/>
      <c r="L16" s="173" t="s">
        <v>212</v>
      </c>
      <c r="M16" s="138" t="s">
        <v>196</v>
      </c>
      <c r="N16" s="207"/>
      <c r="O16" s="207"/>
      <c r="P16" s="207"/>
      <c r="Q16" s="138"/>
      <c r="R16" s="138"/>
      <c r="S16" s="138"/>
      <c r="T16" s="138"/>
      <c r="U16" s="138"/>
      <c r="V16" s="138"/>
      <c r="W16" s="138"/>
      <c r="X16" s="138"/>
      <c r="Y16" s="138"/>
      <c r="Z16" s="138"/>
      <c r="AA16" s="138"/>
      <c r="AB16" s="138"/>
      <c r="AC16" s="138"/>
      <c r="AD16" s="138"/>
      <c r="AE16" s="138"/>
      <c r="AF16" s="139"/>
    </row>
    <row r="17" spans="1:32" ht="18.75" customHeight="1" x14ac:dyDescent="0.15">
      <c r="A17" s="167"/>
      <c r="B17" s="157"/>
      <c r="C17" s="213"/>
      <c r="D17" s="226"/>
      <c r="E17" s="115"/>
      <c r="F17" s="226"/>
      <c r="G17" s="184"/>
      <c r="H17" s="192" t="s">
        <v>94</v>
      </c>
      <c r="I17" s="172" t="s">
        <v>212</v>
      </c>
      <c r="J17" s="138" t="s">
        <v>194</v>
      </c>
      <c r="K17" s="136"/>
      <c r="L17" s="207"/>
      <c r="M17" s="173" t="s">
        <v>212</v>
      </c>
      <c r="N17" s="138" t="s">
        <v>195</v>
      </c>
      <c r="O17" s="126"/>
      <c r="P17" s="126"/>
      <c r="Q17" s="126"/>
      <c r="R17" s="138"/>
      <c r="S17" s="138"/>
      <c r="T17" s="138"/>
      <c r="U17" s="138"/>
      <c r="V17" s="138"/>
      <c r="W17" s="138"/>
      <c r="X17" s="138"/>
      <c r="Y17" s="138"/>
      <c r="Z17" s="138"/>
      <c r="AA17" s="138"/>
      <c r="AB17" s="138"/>
      <c r="AC17" s="138"/>
      <c r="AD17" s="138"/>
      <c r="AE17" s="138"/>
      <c r="AF17" s="139"/>
    </row>
    <row r="18" spans="1:32" ht="18.75" customHeight="1" x14ac:dyDescent="0.15">
      <c r="A18" s="167"/>
      <c r="B18" s="157"/>
      <c r="C18" s="213"/>
      <c r="D18" s="226"/>
      <c r="E18" s="115"/>
      <c r="F18" s="226"/>
      <c r="G18" s="184"/>
      <c r="H18" s="192" t="s">
        <v>95</v>
      </c>
      <c r="I18" s="172" t="s">
        <v>212</v>
      </c>
      <c r="J18" s="138" t="s">
        <v>184</v>
      </c>
      <c r="K18" s="136"/>
      <c r="L18" s="173" t="s">
        <v>212</v>
      </c>
      <c r="M18" s="138" t="s">
        <v>196</v>
      </c>
      <c r="N18" s="207"/>
      <c r="O18" s="138"/>
      <c r="P18" s="138"/>
      <c r="Q18" s="138"/>
      <c r="R18" s="138"/>
      <c r="S18" s="138"/>
      <c r="T18" s="138"/>
      <c r="U18" s="138"/>
      <c r="V18" s="138"/>
      <c r="W18" s="138"/>
      <c r="X18" s="138"/>
      <c r="Y18" s="138"/>
      <c r="Z18" s="138"/>
      <c r="AA18" s="138"/>
      <c r="AB18" s="138"/>
      <c r="AC18" s="138"/>
      <c r="AD18" s="138"/>
      <c r="AE18" s="138"/>
      <c r="AF18" s="139"/>
    </row>
    <row r="19" spans="1:32" ht="18.75" customHeight="1" x14ac:dyDescent="0.15">
      <c r="A19" s="167"/>
      <c r="B19" s="157"/>
      <c r="C19" s="213"/>
      <c r="D19" s="226"/>
      <c r="E19" s="115"/>
      <c r="F19" s="226"/>
      <c r="G19" s="184"/>
      <c r="H19" s="192" t="s">
        <v>119</v>
      </c>
      <c r="I19" s="172" t="s">
        <v>212</v>
      </c>
      <c r="J19" s="138" t="s">
        <v>184</v>
      </c>
      <c r="K19" s="136"/>
      <c r="L19" s="173" t="s">
        <v>212</v>
      </c>
      <c r="M19" s="138" t="s">
        <v>196</v>
      </c>
      <c r="N19" s="207"/>
      <c r="O19" s="138"/>
      <c r="P19" s="138"/>
      <c r="Q19" s="138"/>
      <c r="R19" s="138"/>
      <c r="S19" s="138"/>
      <c r="T19" s="138"/>
      <c r="U19" s="138"/>
      <c r="V19" s="138"/>
      <c r="W19" s="138"/>
      <c r="X19" s="138"/>
      <c r="Y19" s="138"/>
      <c r="Z19" s="138"/>
      <c r="AA19" s="138"/>
      <c r="AB19" s="138"/>
      <c r="AC19" s="138"/>
      <c r="AD19" s="138"/>
      <c r="AE19" s="138"/>
      <c r="AF19" s="139"/>
    </row>
    <row r="20" spans="1:32" ht="18.75" customHeight="1" x14ac:dyDescent="0.15">
      <c r="A20" s="168"/>
      <c r="B20" s="205"/>
      <c r="C20" s="214"/>
      <c r="D20" s="221"/>
      <c r="E20" s="117"/>
      <c r="F20" s="221"/>
      <c r="G20" s="183"/>
      <c r="H20" s="193" t="s">
        <v>104</v>
      </c>
      <c r="I20" s="178" t="s">
        <v>212</v>
      </c>
      <c r="J20" s="105" t="s">
        <v>184</v>
      </c>
      <c r="K20" s="105"/>
      <c r="L20" s="179" t="s">
        <v>212</v>
      </c>
      <c r="M20" s="105" t="s">
        <v>185</v>
      </c>
      <c r="N20" s="105"/>
      <c r="O20" s="179" t="s">
        <v>212</v>
      </c>
      <c r="P20" s="105" t="s">
        <v>186</v>
      </c>
      <c r="Q20" s="229"/>
      <c r="R20" s="229"/>
      <c r="S20" s="229"/>
      <c r="T20" s="229"/>
      <c r="U20" s="105"/>
      <c r="V20" s="105"/>
      <c r="W20" s="105"/>
      <c r="X20" s="105"/>
      <c r="Y20" s="105"/>
      <c r="Z20" s="105"/>
      <c r="AA20" s="105"/>
      <c r="AB20" s="105"/>
      <c r="AC20" s="105"/>
      <c r="AD20" s="105"/>
      <c r="AE20" s="105"/>
      <c r="AF20" s="106"/>
    </row>
    <row r="21" spans="1:32" ht="18.75" customHeight="1" x14ac:dyDescent="0.15">
      <c r="A21" s="102"/>
      <c r="B21" s="203"/>
      <c r="C21" s="212"/>
      <c r="D21" s="223"/>
      <c r="E21" s="128"/>
      <c r="F21" s="223"/>
      <c r="G21" s="134"/>
      <c r="H21" s="160" t="s">
        <v>96</v>
      </c>
      <c r="I21" s="175" t="s">
        <v>212</v>
      </c>
      <c r="J21" s="133" t="s">
        <v>184</v>
      </c>
      <c r="K21" s="133"/>
      <c r="L21" s="222"/>
      <c r="M21" s="177" t="s">
        <v>212</v>
      </c>
      <c r="N21" s="133" t="s">
        <v>200</v>
      </c>
      <c r="O21" s="133"/>
      <c r="P21" s="222"/>
      <c r="Q21" s="177" t="s">
        <v>212</v>
      </c>
      <c r="R21" s="227" t="s">
        <v>201</v>
      </c>
      <c r="S21" s="227"/>
      <c r="T21" s="227"/>
      <c r="U21" s="227"/>
      <c r="V21" s="133"/>
      <c r="W21" s="133"/>
      <c r="X21" s="133"/>
      <c r="Y21" s="133"/>
      <c r="Z21" s="133"/>
      <c r="AA21" s="133"/>
      <c r="AB21" s="133"/>
      <c r="AC21" s="133"/>
      <c r="AD21" s="133"/>
      <c r="AE21" s="133"/>
      <c r="AF21" s="166"/>
    </row>
    <row r="22" spans="1:32" ht="18.75" customHeight="1" x14ac:dyDescent="0.15">
      <c r="A22" s="167"/>
      <c r="B22" s="157"/>
      <c r="C22" s="213"/>
      <c r="D22" s="226"/>
      <c r="E22" s="115"/>
      <c r="F22" s="226"/>
      <c r="G22" s="184"/>
      <c r="H22" s="161" t="s">
        <v>97</v>
      </c>
      <c r="I22" s="172" t="s">
        <v>212</v>
      </c>
      <c r="J22" s="138" t="s">
        <v>194</v>
      </c>
      <c r="K22" s="136"/>
      <c r="L22" s="207"/>
      <c r="M22" s="173" t="s">
        <v>212</v>
      </c>
      <c r="N22" s="138" t="s">
        <v>195</v>
      </c>
      <c r="O22" s="126"/>
      <c r="P22" s="126"/>
      <c r="Q22" s="126"/>
      <c r="R22" s="138"/>
      <c r="S22" s="138"/>
      <c r="T22" s="138"/>
      <c r="U22" s="138"/>
      <c r="V22" s="138"/>
      <c r="W22" s="138"/>
      <c r="X22" s="138"/>
      <c r="Y22" s="138"/>
      <c r="Z22" s="138"/>
      <c r="AA22" s="138"/>
      <c r="AB22" s="138"/>
      <c r="AC22" s="138"/>
      <c r="AD22" s="138"/>
      <c r="AE22" s="138"/>
      <c r="AF22" s="139"/>
    </row>
    <row r="23" spans="1:32" ht="18.75" customHeight="1" x14ac:dyDescent="0.15">
      <c r="A23" s="167"/>
      <c r="B23" s="157"/>
      <c r="C23" s="213"/>
      <c r="D23" s="226"/>
      <c r="E23" s="115"/>
      <c r="F23" s="226"/>
      <c r="G23" s="184"/>
      <c r="H23" s="297" t="s">
        <v>129</v>
      </c>
      <c r="I23" s="260" t="s">
        <v>212</v>
      </c>
      <c r="J23" s="256" t="s">
        <v>184</v>
      </c>
      <c r="K23" s="256"/>
      <c r="L23" s="258" t="s">
        <v>212</v>
      </c>
      <c r="M23" s="256" t="s">
        <v>196</v>
      </c>
      <c r="N23" s="256"/>
      <c r="O23" s="140"/>
      <c r="P23" s="140"/>
      <c r="Q23" s="140"/>
      <c r="R23" s="140"/>
      <c r="S23" s="140"/>
      <c r="T23" s="140"/>
      <c r="U23" s="140"/>
      <c r="V23" s="140"/>
      <c r="W23" s="140"/>
      <c r="X23" s="140"/>
      <c r="Y23" s="140"/>
      <c r="Z23" s="140"/>
      <c r="AA23" s="140"/>
      <c r="AB23" s="140"/>
      <c r="AC23" s="140"/>
      <c r="AD23" s="140"/>
      <c r="AE23" s="140"/>
      <c r="AF23" s="141"/>
    </row>
    <row r="24" spans="1:32" ht="18.75" customHeight="1" x14ac:dyDescent="0.15">
      <c r="A24" s="167"/>
      <c r="B24" s="157"/>
      <c r="C24" s="213"/>
      <c r="D24" s="226"/>
      <c r="E24" s="115"/>
      <c r="F24" s="226"/>
      <c r="G24" s="184"/>
      <c r="H24" s="298"/>
      <c r="I24" s="261"/>
      <c r="J24" s="257"/>
      <c r="K24" s="257"/>
      <c r="L24" s="259"/>
      <c r="M24" s="257"/>
      <c r="N24" s="257"/>
      <c r="O24" s="142"/>
      <c r="P24" s="142"/>
      <c r="Q24" s="142"/>
      <c r="R24" s="142"/>
      <c r="S24" s="142"/>
      <c r="T24" s="142"/>
      <c r="U24" s="142"/>
      <c r="V24" s="142"/>
      <c r="W24" s="142"/>
      <c r="X24" s="142"/>
      <c r="Y24" s="142"/>
      <c r="Z24" s="142"/>
      <c r="AA24" s="142"/>
      <c r="AB24" s="142"/>
      <c r="AC24" s="142"/>
      <c r="AD24" s="142"/>
      <c r="AE24" s="142"/>
      <c r="AF24" s="143"/>
    </row>
    <row r="25" spans="1:32" ht="18.75" customHeight="1" x14ac:dyDescent="0.15">
      <c r="A25" s="167"/>
      <c r="B25" s="157"/>
      <c r="C25" s="213"/>
      <c r="D25" s="226"/>
      <c r="E25" s="115"/>
      <c r="F25" s="226"/>
      <c r="G25" s="184"/>
      <c r="H25" s="297" t="s">
        <v>130</v>
      </c>
      <c r="I25" s="260" t="s">
        <v>212</v>
      </c>
      <c r="J25" s="256" t="s">
        <v>184</v>
      </c>
      <c r="K25" s="256"/>
      <c r="L25" s="258" t="s">
        <v>212</v>
      </c>
      <c r="M25" s="256" t="s">
        <v>196</v>
      </c>
      <c r="N25" s="256"/>
      <c r="O25" s="140"/>
      <c r="P25" s="140"/>
      <c r="Q25" s="140"/>
      <c r="R25" s="140"/>
      <c r="S25" s="140"/>
      <c r="T25" s="140"/>
      <c r="U25" s="140"/>
      <c r="V25" s="140"/>
      <c r="W25" s="140"/>
      <c r="X25" s="140"/>
      <c r="Y25" s="140"/>
      <c r="Z25" s="140"/>
      <c r="AA25" s="140"/>
      <c r="AB25" s="140"/>
      <c r="AC25" s="140"/>
      <c r="AD25" s="140"/>
      <c r="AE25" s="140"/>
      <c r="AF25" s="141"/>
    </row>
    <row r="26" spans="1:32" ht="18.75" customHeight="1" x14ac:dyDescent="0.15">
      <c r="A26" s="167"/>
      <c r="B26" s="157"/>
      <c r="C26" s="213"/>
      <c r="D26" s="226"/>
      <c r="E26" s="115"/>
      <c r="F26" s="226"/>
      <c r="G26" s="184"/>
      <c r="H26" s="298"/>
      <c r="I26" s="261"/>
      <c r="J26" s="257"/>
      <c r="K26" s="257"/>
      <c r="L26" s="259"/>
      <c r="M26" s="257"/>
      <c r="N26" s="257"/>
      <c r="O26" s="142"/>
      <c r="P26" s="142"/>
      <c r="Q26" s="142"/>
      <c r="R26" s="142"/>
      <c r="S26" s="142"/>
      <c r="T26" s="142"/>
      <c r="U26" s="142"/>
      <c r="V26" s="142"/>
      <c r="W26" s="142"/>
      <c r="X26" s="142"/>
      <c r="Y26" s="142"/>
      <c r="Z26" s="142"/>
      <c r="AA26" s="142"/>
      <c r="AB26" s="142"/>
      <c r="AC26" s="142"/>
      <c r="AD26" s="142"/>
      <c r="AE26" s="142"/>
      <c r="AF26" s="143"/>
    </row>
    <row r="27" spans="1:32" ht="18.75" customHeight="1" x14ac:dyDescent="0.15">
      <c r="A27" s="167"/>
      <c r="B27" s="157"/>
      <c r="C27" s="213"/>
      <c r="D27" s="226"/>
      <c r="E27" s="115"/>
      <c r="F27" s="226"/>
      <c r="G27" s="184"/>
      <c r="H27" s="297" t="s">
        <v>131</v>
      </c>
      <c r="I27" s="260" t="s">
        <v>212</v>
      </c>
      <c r="J27" s="256" t="s">
        <v>184</v>
      </c>
      <c r="K27" s="256"/>
      <c r="L27" s="258" t="s">
        <v>212</v>
      </c>
      <c r="M27" s="256" t="s">
        <v>196</v>
      </c>
      <c r="N27" s="256"/>
      <c r="O27" s="140"/>
      <c r="P27" s="140"/>
      <c r="Q27" s="140"/>
      <c r="R27" s="140"/>
      <c r="S27" s="140"/>
      <c r="T27" s="140"/>
      <c r="U27" s="140"/>
      <c r="V27" s="140"/>
      <c r="W27" s="140"/>
      <c r="X27" s="140"/>
      <c r="Y27" s="140"/>
      <c r="Z27" s="140"/>
      <c r="AA27" s="140"/>
      <c r="AB27" s="140"/>
      <c r="AC27" s="140"/>
      <c r="AD27" s="140"/>
      <c r="AE27" s="140"/>
      <c r="AF27" s="141"/>
    </row>
    <row r="28" spans="1:32" ht="18.75" customHeight="1" x14ac:dyDescent="0.15">
      <c r="A28" s="167"/>
      <c r="B28" s="157"/>
      <c r="C28" s="213"/>
      <c r="D28" s="226"/>
      <c r="E28" s="115"/>
      <c r="F28" s="226"/>
      <c r="G28" s="184"/>
      <c r="H28" s="298"/>
      <c r="I28" s="261"/>
      <c r="J28" s="257"/>
      <c r="K28" s="257"/>
      <c r="L28" s="259"/>
      <c r="M28" s="257"/>
      <c r="N28" s="257"/>
      <c r="O28" s="142"/>
      <c r="P28" s="142"/>
      <c r="Q28" s="142"/>
      <c r="R28" s="142"/>
      <c r="S28" s="142"/>
      <c r="T28" s="142"/>
      <c r="U28" s="142"/>
      <c r="V28" s="142"/>
      <c r="W28" s="142"/>
      <c r="X28" s="142"/>
      <c r="Y28" s="142"/>
      <c r="Z28" s="142"/>
      <c r="AA28" s="142"/>
      <c r="AB28" s="142"/>
      <c r="AC28" s="142"/>
      <c r="AD28" s="142"/>
      <c r="AE28" s="142"/>
      <c r="AF28" s="143"/>
    </row>
    <row r="29" spans="1:32" ht="18.75" customHeight="1" x14ac:dyDescent="0.15">
      <c r="A29" s="167"/>
      <c r="B29" s="157"/>
      <c r="C29" s="213"/>
      <c r="D29" s="226"/>
      <c r="E29" s="115"/>
      <c r="F29" s="226"/>
      <c r="G29" s="184"/>
      <c r="H29" s="297" t="s">
        <v>132</v>
      </c>
      <c r="I29" s="260" t="s">
        <v>212</v>
      </c>
      <c r="J29" s="256" t="s">
        <v>184</v>
      </c>
      <c r="K29" s="256"/>
      <c r="L29" s="258" t="s">
        <v>212</v>
      </c>
      <c r="M29" s="256" t="s">
        <v>196</v>
      </c>
      <c r="N29" s="256"/>
      <c r="O29" s="140"/>
      <c r="P29" s="140"/>
      <c r="Q29" s="140"/>
      <c r="R29" s="140"/>
      <c r="S29" s="140"/>
      <c r="T29" s="140"/>
      <c r="U29" s="140"/>
      <c r="V29" s="140"/>
      <c r="W29" s="140"/>
      <c r="X29" s="140"/>
      <c r="Y29" s="140"/>
      <c r="Z29" s="140"/>
      <c r="AA29" s="140"/>
      <c r="AB29" s="140"/>
      <c r="AC29" s="140"/>
      <c r="AD29" s="140"/>
      <c r="AE29" s="140"/>
      <c r="AF29" s="141"/>
    </row>
    <row r="30" spans="1:32" ht="18.75" customHeight="1" x14ac:dyDescent="0.15">
      <c r="A30" s="167"/>
      <c r="B30" s="157"/>
      <c r="C30" s="213"/>
      <c r="D30" s="226"/>
      <c r="E30" s="115"/>
      <c r="F30" s="226"/>
      <c r="G30" s="184"/>
      <c r="H30" s="298"/>
      <c r="I30" s="261"/>
      <c r="J30" s="257"/>
      <c r="K30" s="257"/>
      <c r="L30" s="259"/>
      <c r="M30" s="257"/>
      <c r="N30" s="257"/>
      <c r="O30" s="142"/>
      <c r="P30" s="142"/>
      <c r="Q30" s="142"/>
      <c r="R30" s="142"/>
      <c r="S30" s="142"/>
      <c r="T30" s="142"/>
      <c r="U30" s="142"/>
      <c r="V30" s="142"/>
      <c r="W30" s="142"/>
      <c r="X30" s="142"/>
      <c r="Y30" s="142"/>
      <c r="Z30" s="142"/>
      <c r="AA30" s="142"/>
      <c r="AB30" s="142"/>
      <c r="AC30" s="142"/>
      <c r="AD30" s="142"/>
      <c r="AE30" s="142"/>
      <c r="AF30" s="143"/>
    </row>
    <row r="31" spans="1:32" ht="18.75" customHeight="1" x14ac:dyDescent="0.15">
      <c r="A31" s="216" t="s">
        <v>212</v>
      </c>
      <c r="B31" s="157">
        <v>78</v>
      </c>
      <c r="C31" s="213" t="s">
        <v>164</v>
      </c>
      <c r="D31" s="216" t="s">
        <v>212</v>
      </c>
      <c r="E31" s="115" t="s">
        <v>227</v>
      </c>
      <c r="F31" s="226"/>
      <c r="G31" s="184"/>
      <c r="H31" s="161" t="s">
        <v>128</v>
      </c>
      <c r="I31" s="172" t="s">
        <v>212</v>
      </c>
      <c r="J31" s="138" t="s">
        <v>184</v>
      </c>
      <c r="K31" s="136"/>
      <c r="L31" s="173" t="s">
        <v>212</v>
      </c>
      <c r="M31" s="138" t="s">
        <v>196</v>
      </c>
      <c r="N31" s="207"/>
      <c r="O31" s="138"/>
      <c r="P31" s="138"/>
      <c r="Q31" s="138"/>
      <c r="R31" s="138"/>
      <c r="S31" s="138"/>
      <c r="T31" s="138"/>
      <c r="U31" s="138"/>
      <c r="V31" s="138"/>
      <c r="W31" s="138"/>
      <c r="X31" s="138"/>
      <c r="Y31" s="138"/>
      <c r="Z31" s="138"/>
      <c r="AA31" s="138"/>
      <c r="AB31" s="138"/>
      <c r="AC31" s="138"/>
      <c r="AD31" s="138"/>
      <c r="AE31" s="138"/>
      <c r="AF31" s="139"/>
    </row>
    <row r="32" spans="1:32" ht="18.75" customHeight="1" x14ac:dyDescent="0.15">
      <c r="A32" s="167"/>
      <c r="B32" s="157"/>
      <c r="C32" s="213"/>
      <c r="D32" s="226"/>
      <c r="E32" s="115"/>
      <c r="F32" s="226"/>
      <c r="G32" s="184"/>
      <c r="H32" s="159" t="s">
        <v>169</v>
      </c>
      <c r="I32" s="172" t="s">
        <v>212</v>
      </c>
      <c r="J32" s="138" t="s">
        <v>184</v>
      </c>
      <c r="K32" s="138"/>
      <c r="L32" s="173" t="s">
        <v>212</v>
      </c>
      <c r="M32" s="138" t="s">
        <v>185</v>
      </c>
      <c r="N32" s="138"/>
      <c r="O32" s="173" t="s">
        <v>212</v>
      </c>
      <c r="P32" s="138" t="s">
        <v>186</v>
      </c>
      <c r="Q32" s="207"/>
      <c r="R32" s="207"/>
      <c r="S32" s="189"/>
      <c r="T32" s="189"/>
      <c r="U32" s="189"/>
      <c r="V32" s="189"/>
      <c r="W32" s="189"/>
      <c r="X32" s="189"/>
      <c r="Y32" s="189"/>
      <c r="Z32" s="189"/>
      <c r="AA32" s="189"/>
      <c r="AB32" s="189"/>
      <c r="AC32" s="189"/>
      <c r="AD32" s="189"/>
      <c r="AE32" s="189"/>
      <c r="AF32" s="190"/>
    </row>
    <row r="33" spans="1:32" ht="18.75" customHeight="1" x14ac:dyDescent="0.15">
      <c r="A33" s="167"/>
      <c r="B33" s="157"/>
      <c r="C33" s="213"/>
      <c r="D33" s="226"/>
      <c r="E33" s="115"/>
      <c r="F33" s="226"/>
      <c r="G33" s="184"/>
      <c r="H33" s="159" t="s">
        <v>143</v>
      </c>
      <c r="I33" s="172" t="s">
        <v>212</v>
      </c>
      <c r="J33" s="138" t="s">
        <v>184</v>
      </c>
      <c r="K33" s="136"/>
      <c r="L33" s="173" t="s">
        <v>212</v>
      </c>
      <c r="M33" s="138" t="s">
        <v>196</v>
      </c>
      <c r="N33" s="207"/>
      <c r="O33" s="138"/>
      <c r="P33" s="138"/>
      <c r="Q33" s="138"/>
      <c r="R33" s="138"/>
      <c r="S33" s="138"/>
      <c r="T33" s="138"/>
      <c r="U33" s="138"/>
      <c r="V33" s="138"/>
      <c r="W33" s="138"/>
      <c r="X33" s="138"/>
      <c r="Y33" s="138"/>
      <c r="Z33" s="138"/>
      <c r="AA33" s="138"/>
      <c r="AB33" s="138"/>
      <c r="AC33" s="138"/>
      <c r="AD33" s="138"/>
      <c r="AE33" s="138"/>
      <c r="AF33" s="139"/>
    </row>
    <row r="34" spans="1:32" ht="18.75" customHeight="1" x14ac:dyDescent="0.15">
      <c r="A34" s="167"/>
      <c r="B34" s="157"/>
      <c r="C34" s="213"/>
      <c r="D34" s="226"/>
      <c r="E34" s="115"/>
      <c r="F34" s="226"/>
      <c r="G34" s="184"/>
      <c r="H34" s="159" t="s">
        <v>139</v>
      </c>
      <c r="I34" s="172" t="s">
        <v>212</v>
      </c>
      <c r="J34" s="138" t="s">
        <v>184</v>
      </c>
      <c r="K34" s="138"/>
      <c r="L34" s="173" t="s">
        <v>212</v>
      </c>
      <c r="M34" s="138" t="s">
        <v>197</v>
      </c>
      <c r="N34" s="138"/>
      <c r="O34" s="173" t="s">
        <v>212</v>
      </c>
      <c r="P34" s="138" t="s">
        <v>198</v>
      </c>
      <c r="Q34" s="207"/>
      <c r="R34" s="207"/>
      <c r="S34" s="207"/>
      <c r="T34" s="138"/>
      <c r="U34" s="138"/>
      <c r="V34" s="138"/>
      <c r="W34" s="138"/>
      <c r="X34" s="138"/>
      <c r="Y34" s="138"/>
      <c r="Z34" s="138"/>
      <c r="AA34" s="138"/>
      <c r="AB34" s="138"/>
      <c r="AC34" s="138"/>
      <c r="AD34" s="138"/>
      <c r="AE34" s="138"/>
      <c r="AF34" s="139"/>
    </row>
    <row r="35" spans="1:32" ht="18.75" customHeight="1" x14ac:dyDescent="0.15">
      <c r="A35" s="167"/>
      <c r="B35" s="157"/>
      <c r="C35" s="213"/>
      <c r="D35" s="226"/>
      <c r="E35" s="115"/>
      <c r="F35" s="226"/>
      <c r="G35" s="184"/>
      <c r="H35" s="159" t="s">
        <v>156</v>
      </c>
      <c r="I35" s="172" t="s">
        <v>212</v>
      </c>
      <c r="J35" s="138" t="s">
        <v>184</v>
      </c>
      <c r="K35" s="138"/>
      <c r="L35" s="173" t="s">
        <v>212</v>
      </c>
      <c r="M35" s="138" t="s">
        <v>203</v>
      </c>
      <c r="N35" s="138"/>
      <c r="O35" s="138"/>
      <c r="P35" s="173" t="s">
        <v>212</v>
      </c>
      <c r="Q35" s="138" t="s">
        <v>204</v>
      </c>
      <c r="R35" s="138"/>
      <c r="S35" s="138"/>
      <c r="T35" s="138"/>
      <c r="U35" s="138"/>
      <c r="V35" s="138"/>
      <c r="W35" s="138"/>
      <c r="X35" s="138"/>
      <c r="Y35" s="138"/>
      <c r="Z35" s="138"/>
      <c r="AA35" s="138"/>
      <c r="AB35" s="138"/>
      <c r="AC35" s="138"/>
      <c r="AD35" s="138"/>
      <c r="AE35" s="138"/>
      <c r="AF35" s="139"/>
    </row>
    <row r="36" spans="1:32" ht="18.75" customHeight="1" x14ac:dyDescent="0.15">
      <c r="A36" s="167"/>
      <c r="B36" s="157"/>
      <c r="C36" s="213"/>
      <c r="D36" s="226"/>
      <c r="E36" s="115"/>
      <c r="F36" s="226"/>
      <c r="G36" s="184"/>
      <c r="H36" s="192" t="s">
        <v>144</v>
      </c>
      <c r="I36" s="172" t="s">
        <v>212</v>
      </c>
      <c r="J36" s="138" t="s">
        <v>184</v>
      </c>
      <c r="K36" s="136"/>
      <c r="L36" s="173" t="s">
        <v>212</v>
      </c>
      <c r="M36" s="138" t="s">
        <v>196</v>
      </c>
      <c r="N36" s="207"/>
      <c r="O36" s="138"/>
      <c r="P36" s="138"/>
      <c r="Q36" s="138"/>
      <c r="R36" s="138"/>
      <c r="S36" s="138"/>
      <c r="T36" s="138"/>
      <c r="U36" s="138"/>
      <c r="V36" s="138"/>
      <c r="W36" s="138"/>
      <c r="X36" s="138"/>
      <c r="Y36" s="138"/>
      <c r="Z36" s="138"/>
      <c r="AA36" s="138"/>
      <c r="AB36" s="138"/>
      <c r="AC36" s="138"/>
      <c r="AD36" s="138"/>
      <c r="AE36" s="138"/>
      <c r="AF36" s="139"/>
    </row>
    <row r="37" spans="1:32" ht="18.75" customHeight="1" x14ac:dyDescent="0.15">
      <c r="A37" s="167"/>
      <c r="B37" s="157"/>
      <c r="C37" s="213"/>
      <c r="D37" s="226"/>
      <c r="E37" s="115"/>
      <c r="F37" s="226"/>
      <c r="G37" s="184"/>
      <c r="H37" s="192" t="s">
        <v>170</v>
      </c>
      <c r="I37" s="172" t="s">
        <v>212</v>
      </c>
      <c r="J37" s="138" t="s">
        <v>184</v>
      </c>
      <c r="K37" s="136"/>
      <c r="L37" s="173" t="s">
        <v>212</v>
      </c>
      <c r="M37" s="138" t="s">
        <v>196</v>
      </c>
      <c r="N37" s="207"/>
      <c r="O37" s="138"/>
      <c r="P37" s="138"/>
      <c r="Q37" s="138"/>
      <c r="R37" s="138"/>
      <c r="S37" s="138"/>
      <c r="T37" s="138"/>
      <c r="U37" s="138"/>
      <c r="V37" s="138"/>
      <c r="W37" s="138"/>
      <c r="X37" s="138"/>
      <c r="Y37" s="138"/>
      <c r="Z37" s="138"/>
      <c r="AA37" s="138"/>
      <c r="AB37" s="138"/>
      <c r="AC37" s="138"/>
      <c r="AD37" s="138"/>
      <c r="AE37" s="138"/>
      <c r="AF37" s="139"/>
    </row>
    <row r="38" spans="1:32" ht="18.75" customHeight="1" x14ac:dyDescent="0.15">
      <c r="A38" s="167"/>
      <c r="B38" s="157"/>
      <c r="C38" s="213"/>
      <c r="D38" s="226"/>
      <c r="E38" s="115"/>
      <c r="F38" s="226"/>
      <c r="G38" s="184"/>
      <c r="H38" s="161" t="s">
        <v>118</v>
      </c>
      <c r="I38" s="172" t="s">
        <v>212</v>
      </c>
      <c r="J38" s="138" t="s">
        <v>184</v>
      </c>
      <c r="K38" s="136"/>
      <c r="L38" s="173" t="s">
        <v>212</v>
      </c>
      <c r="M38" s="138" t="s">
        <v>196</v>
      </c>
      <c r="N38" s="207"/>
      <c r="O38" s="138"/>
      <c r="P38" s="138"/>
      <c r="Q38" s="138"/>
      <c r="R38" s="138"/>
      <c r="S38" s="138"/>
      <c r="T38" s="138"/>
      <c r="U38" s="138"/>
      <c r="V38" s="138"/>
      <c r="W38" s="138"/>
      <c r="X38" s="138"/>
      <c r="Y38" s="138"/>
      <c r="Z38" s="138"/>
      <c r="AA38" s="138"/>
      <c r="AB38" s="138"/>
      <c r="AC38" s="138"/>
      <c r="AD38" s="138"/>
      <c r="AE38" s="138"/>
      <c r="AF38" s="139"/>
    </row>
    <row r="39" spans="1:32" ht="18.75" customHeight="1" x14ac:dyDescent="0.15">
      <c r="A39" s="167"/>
      <c r="B39" s="157"/>
      <c r="C39" s="213"/>
      <c r="D39" s="226"/>
      <c r="E39" s="115"/>
      <c r="F39" s="226"/>
      <c r="G39" s="184"/>
      <c r="H39" s="161" t="s">
        <v>103</v>
      </c>
      <c r="I39" s="172" t="s">
        <v>212</v>
      </c>
      <c r="J39" s="138" t="s">
        <v>184</v>
      </c>
      <c r="K39" s="136"/>
      <c r="L39" s="173" t="s">
        <v>212</v>
      </c>
      <c r="M39" s="138" t="s">
        <v>196</v>
      </c>
      <c r="N39" s="207"/>
      <c r="O39" s="138"/>
      <c r="P39" s="138"/>
      <c r="Q39" s="138"/>
      <c r="R39" s="138"/>
      <c r="S39" s="138"/>
      <c r="T39" s="138"/>
      <c r="U39" s="138"/>
      <c r="V39" s="138"/>
      <c r="W39" s="138"/>
      <c r="X39" s="138"/>
      <c r="Y39" s="138"/>
      <c r="Z39" s="138"/>
      <c r="AA39" s="138"/>
      <c r="AB39" s="138"/>
      <c r="AC39" s="138"/>
      <c r="AD39" s="138"/>
      <c r="AE39" s="138"/>
      <c r="AF39" s="139"/>
    </row>
    <row r="40" spans="1:32" ht="18.75" customHeight="1" x14ac:dyDescent="0.15">
      <c r="A40" s="167"/>
      <c r="B40" s="157"/>
      <c r="C40" s="213"/>
      <c r="D40" s="226"/>
      <c r="E40" s="115"/>
      <c r="F40" s="226"/>
      <c r="G40" s="184"/>
      <c r="H40" s="112" t="s">
        <v>172</v>
      </c>
      <c r="I40" s="172" t="s">
        <v>212</v>
      </c>
      <c r="J40" s="138" t="s">
        <v>184</v>
      </c>
      <c r="K40" s="136"/>
      <c r="L40" s="173" t="s">
        <v>212</v>
      </c>
      <c r="M40" s="138" t="s">
        <v>196</v>
      </c>
      <c r="N40" s="207"/>
      <c r="O40" s="138"/>
      <c r="P40" s="138"/>
      <c r="Q40" s="138"/>
      <c r="R40" s="138"/>
      <c r="S40" s="138"/>
      <c r="T40" s="138"/>
      <c r="U40" s="138"/>
      <c r="V40" s="138"/>
      <c r="W40" s="138"/>
      <c r="X40" s="138"/>
      <c r="Y40" s="138"/>
      <c r="Z40" s="138"/>
      <c r="AA40" s="138"/>
      <c r="AB40" s="138"/>
      <c r="AC40" s="138"/>
      <c r="AD40" s="138"/>
      <c r="AE40" s="138"/>
      <c r="AF40" s="139"/>
    </row>
    <row r="41" spans="1:32" ht="18.75" customHeight="1" x14ac:dyDescent="0.15">
      <c r="A41" s="167"/>
      <c r="B41" s="157"/>
      <c r="C41" s="213"/>
      <c r="D41" s="226"/>
      <c r="E41" s="115"/>
      <c r="F41" s="226"/>
      <c r="G41" s="184"/>
      <c r="H41" s="159" t="s">
        <v>157</v>
      </c>
      <c r="I41" s="172" t="s">
        <v>212</v>
      </c>
      <c r="J41" s="138" t="s">
        <v>184</v>
      </c>
      <c r="K41" s="136"/>
      <c r="L41" s="173" t="s">
        <v>212</v>
      </c>
      <c r="M41" s="138" t="s">
        <v>196</v>
      </c>
      <c r="N41" s="207"/>
      <c r="O41" s="138"/>
      <c r="P41" s="138"/>
      <c r="Q41" s="138"/>
      <c r="R41" s="138"/>
      <c r="S41" s="138"/>
      <c r="T41" s="138"/>
      <c r="U41" s="138"/>
      <c r="V41" s="138"/>
      <c r="W41" s="138"/>
      <c r="X41" s="138"/>
      <c r="Y41" s="138"/>
      <c r="Z41" s="138"/>
      <c r="AA41" s="138"/>
      <c r="AB41" s="138"/>
      <c r="AC41" s="138"/>
      <c r="AD41" s="138"/>
      <c r="AE41" s="138"/>
      <c r="AF41" s="139"/>
    </row>
    <row r="42" spans="1:32" ht="18.75" customHeight="1" x14ac:dyDescent="0.15">
      <c r="A42" s="168"/>
      <c r="B42" s="205"/>
      <c r="C42" s="214"/>
      <c r="D42" s="221"/>
      <c r="E42" s="117"/>
      <c r="F42" s="221"/>
      <c r="G42" s="183"/>
      <c r="H42" s="158" t="s">
        <v>154</v>
      </c>
      <c r="I42" s="172" t="s">
        <v>212</v>
      </c>
      <c r="J42" s="138" t="s">
        <v>184</v>
      </c>
      <c r="K42" s="136"/>
      <c r="L42" s="173" t="s">
        <v>212</v>
      </c>
      <c r="M42" s="138" t="s">
        <v>196</v>
      </c>
      <c r="N42" s="207"/>
      <c r="O42" s="105"/>
      <c r="P42" s="105"/>
      <c r="Q42" s="105"/>
      <c r="R42" s="105"/>
      <c r="S42" s="105"/>
      <c r="T42" s="105"/>
      <c r="U42" s="105"/>
      <c r="V42" s="105"/>
      <c r="W42" s="105"/>
      <c r="X42" s="105"/>
      <c r="Y42" s="105"/>
      <c r="Z42" s="105"/>
      <c r="AA42" s="105"/>
      <c r="AB42" s="105"/>
      <c r="AC42" s="105"/>
      <c r="AD42" s="105"/>
      <c r="AE42" s="105"/>
      <c r="AF42" s="106"/>
    </row>
    <row r="43" spans="1:32" ht="18.75" customHeight="1" x14ac:dyDescent="0.15">
      <c r="A43" s="102"/>
      <c r="B43" s="203"/>
      <c r="C43" s="212"/>
      <c r="D43" s="107"/>
      <c r="E43" s="128"/>
      <c r="F43" s="223"/>
      <c r="G43" s="134"/>
      <c r="H43" s="191" t="s">
        <v>96</v>
      </c>
      <c r="I43" s="175" t="s">
        <v>212</v>
      </c>
      <c r="J43" s="133" t="s">
        <v>184</v>
      </c>
      <c r="K43" s="133"/>
      <c r="L43" s="222"/>
      <c r="M43" s="177" t="s">
        <v>212</v>
      </c>
      <c r="N43" s="133" t="s">
        <v>200</v>
      </c>
      <c r="O43" s="133"/>
      <c r="P43" s="222"/>
      <c r="Q43" s="177" t="s">
        <v>212</v>
      </c>
      <c r="R43" s="227" t="s">
        <v>201</v>
      </c>
      <c r="S43" s="227"/>
      <c r="T43" s="227"/>
      <c r="U43" s="227"/>
      <c r="V43" s="133"/>
      <c r="W43" s="133"/>
      <c r="X43" s="133"/>
      <c r="Y43" s="133"/>
      <c r="Z43" s="133"/>
      <c r="AA43" s="133"/>
      <c r="AB43" s="133"/>
      <c r="AC43" s="133"/>
      <c r="AD43" s="133"/>
      <c r="AE43" s="133"/>
      <c r="AF43" s="166"/>
    </row>
    <row r="44" spans="1:32" ht="18.75" customHeight="1" x14ac:dyDescent="0.15">
      <c r="A44" s="167"/>
      <c r="B44" s="157"/>
      <c r="C44" s="213"/>
      <c r="D44" s="169"/>
      <c r="E44" s="115"/>
      <c r="F44" s="226"/>
      <c r="G44" s="184"/>
      <c r="H44" s="192" t="s">
        <v>97</v>
      </c>
      <c r="I44" s="172" t="s">
        <v>212</v>
      </c>
      <c r="J44" s="138" t="s">
        <v>194</v>
      </c>
      <c r="K44" s="136"/>
      <c r="L44" s="207"/>
      <c r="M44" s="173" t="s">
        <v>212</v>
      </c>
      <c r="N44" s="138" t="s">
        <v>195</v>
      </c>
      <c r="O44" s="126"/>
      <c r="P44" s="126"/>
      <c r="Q44" s="126"/>
      <c r="R44" s="138"/>
      <c r="S44" s="138"/>
      <c r="T44" s="138"/>
      <c r="U44" s="138"/>
      <c r="V44" s="138"/>
      <c r="W44" s="138"/>
      <c r="X44" s="138"/>
      <c r="Y44" s="138"/>
      <c r="Z44" s="138"/>
      <c r="AA44" s="138"/>
      <c r="AB44" s="138"/>
      <c r="AC44" s="138"/>
      <c r="AD44" s="138"/>
      <c r="AE44" s="138"/>
      <c r="AF44" s="139"/>
    </row>
    <row r="45" spans="1:32" ht="18.75" customHeight="1" x14ac:dyDescent="0.15">
      <c r="A45" s="167"/>
      <c r="B45" s="157"/>
      <c r="C45" s="213"/>
      <c r="D45" s="169"/>
      <c r="E45" s="115"/>
      <c r="F45" s="226"/>
      <c r="G45" s="184"/>
      <c r="H45" s="159" t="s">
        <v>169</v>
      </c>
      <c r="I45" s="172" t="s">
        <v>212</v>
      </c>
      <c r="J45" s="138" t="s">
        <v>184</v>
      </c>
      <c r="K45" s="138"/>
      <c r="L45" s="173" t="s">
        <v>212</v>
      </c>
      <c r="M45" s="138" t="s">
        <v>185</v>
      </c>
      <c r="N45" s="138"/>
      <c r="O45" s="173" t="s">
        <v>212</v>
      </c>
      <c r="P45" s="138" t="s">
        <v>186</v>
      </c>
      <c r="Q45" s="207"/>
      <c r="R45" s="207"/>
      <c r="S45" s="189"/>
      <c r="T45" s="189"/>
      <c r="U45" s="189"/>
      <c r="V45" s="189"/>
      <c r="W45" s="189"/>
      <c r="X45" s="189"/>
      <c r="Y45" s="189"/>
      <c r="Z45" s="189"/>
      <c r="AA45" s="189"/>
      <c r="AB45" s="189"/>
      <c r="AC45" s="189"/>
      <c r="AD45" s="189"/>
      <c r="AE45" s="189"/>
      <c r="AF45" s="190"/>
    </row>
    <row r="46" spans="1:32" ht="18.75" customHeight="1" x14ac:dyDescent="0.15">
      <c r="A46" s="167"/>
      <c r="B46" s="157"/>
      <c r="C46" s="213"/>
      <c r="D46" s="169"/>
      <c r="E46" s="115"/>
      <c r="F46" s="226"/>
      <c r="G46" s="184"/>
      <c r="H46" s="159" t="s">
        <v>139</v>
      </c>
      <c r="I46" s="172" t="s">
        <v>212</v>
      </c>
      <c r="J46" s="138" t="s">
        <v>184</v>
      </c>
      <c r="K46" s="138"/>
      <c r="L46" s="173" t="s">
        <v>212</v>
      </c>
      <c r="M46" s="138" t="s">
        <v>197</v>
      </c>
      <c r="N46" s="138"/>
      <c r="O46" s="173" t="s">
        <v>212</v>
      </c>
      <c r="P46" s="138" t="s">
        <v>198</v>
      </c>
      <c r="Q46" s="207"/>
      <c r="R46" s="207"/>
      <c r="S46" s="207"/>
      <c r="T46" s="138"/>
      <c r="U46" s="138"/>
      <c r="V46" s="138"/>
      <c r="W46" s="138"/>
      <c r="X46" s="138"/>
      <c r="Y46" s="138"/>
      <c r="Z46" s="138"/>
      <c r="AA46" s="138"/>
      <c r="AB46" s="138"/>
      <c r="AC46" s="138"/>
      <c r="AD46" s="138"/>
      <c r="AE46" s="138"/>
      <c r="AF46" s="139"/>
    </row>
    <row r="47" spans="1:32" ht="18.75" customHeight="1" x14ac:dyDescent="0.15">
      <c r="A47" s="216" t="s">
        <v>212</v>
      </c>
      <c r="B47" s="157">
        <v>72</v>
      </c>
      <c r="C47" s="213" t="s">
        <v>145</v>
      </c>
      <c r="D47" s="216" t="s">
        <v>212</v>
      </c>
      <c r="E47" s="115" t="s">
        <v>209</v>
      </c>
      <c r="F47" s="226"/>
      <c r="G47" s="184"/>
      <c r="H47" s="159" t="s">
        <v>171</v>
      </c>
      <c r="I47" s="172" t="s">
        <v>212</v>
      </c>
      <c r="J47" s="138" t="s">
        <v>184</v>
      </c>
      <c r="K47" s="136"/>
      <c r="L47" s="173" t="s">
        <v>212</v>
      </c>
      <c r="M47" s="138" t="s">
        <v>196</v>
      </c>
      <c r="N47" s="207"/>
      <c r="O47" s="138"/>
      <c r="P47" s="138"/>
      <c r="Q47" s="138"/>
      <c r="R47" s="138"/>
      <c r="S47" s="138"/>
      <c r="T47" s="138"/>
      <c r="U47" s="138"/>
      <c r="V47" s="138"/>
      <c r="W47" s="138"/>
      <c r="X47" s="138"/>
      <c r="Y47" s="138"/>
      <c r="Z47" s="138"/>
      <c r="AA47" s="138"/>
      <c r="AB47" s="138"/>
      <c r="AC47" s="138"/>
      <c r="AD47" s="138"/>
      <c r="AE47" s="138"/>
      <c r="AF47" s="139"/>
    </row>
    <row r="48" spans="1:32" ht="18.75" customHeight="1" x14ac:dyDescent="0.15">
      <c r="A48" s="167"/>
      <c r="B48" s="157"/>
      <c r="C48" s="213"/>
      <c r="D48" s="216" t="s">
        <v>212</v>
      </c>
      <c r="E48" s="115" t="s">
        <v>229</v>
      </c>
      <c r="F48" s="226"/>
      <c r="G48" s="184"/>
      <c r="H48" s="192" t="s">
        <v>144</v>
      </c>
      <c r="I48" s="172" t="s">
        <v>212</v>
      </c>
      <c r="J48" s="138" t="s">
        <v>184</v>
      </c>
      <c r="K48" s="136"/>
      <c r="L48" s="173" t="s">
        <v>212</v>
      </c>
      <c r="M48" s="138" t="s">
        <v>196</v>
      </c>
      <c r="N48" s="207"/>
      <c r="O48" s="138"/>
      <c r="P48" s="138"/>
      <c r="Q48" s="138"/>
      <c r="R48" s="138"/>
      <c r="S48" s="138"/>
      <c r="T48" s="138"/>
      <c r="U48" s="138"/>
      <c r="V48" s="138"/>
      <c r="W48" s="138"/>
      <c r="X48" s="138"/>
      <c r="Y48" s="138"/>
      <c r="Z48" s="138"/>
      <c r="AA48" s="138"/>
      <c r="AB48" s="138"/>
      <c r="AC48" s="138"/>
      <c r="AD48" s="138"/>
      <c r="AE48" s="138"/>
      <c r="AF48" s="139"/>
    </row>
    <row r="49" spans="1:32" ht="18.75" customHeight="1" x14ac:dyDescent="0.15">
      <c r="A49" s="167"/>
      <c r="B49" s="157"/>
      <c r="C49" s="213"/>
      <c r="D49" s="216" t="s">
        <v>212</v>
      </c>
      <c r="E49" s="115" t="s">
        <v>230</v>
      </c>
      <c r="F49" s="226"/>
      <c r="G49" s="184"/>
      <c r="H49" s="192" t="s">
        <v>106</v>
      </c>
      <c r="I49" s="172" t="s">
        <v>212</v>
      </c>
      <c r="J49" s="138" t="s">
        <v>184</v>
      </c>
      <c r="K49" s="136"/>
      <c r="L49" s="173" t="s">
        <v>212</v>
      </c>
      <c r="M49" s="138" t="s">
        <v>196</v>
      </c>
      <c r="N49" s="207"/>
      <c r="O49" s="138"/>
      <c r="P49" s="138"/>
      <c r="Q49" s="138"/>
      <c r="R49" s="138"/>
      <c r="S49" s="138"/>
      <c r="T49" s="138"/>
      <c r="U49" s="138"/>
      <c r="V49" s="138"/>
      <c r="W49" s="138"/>
      <c r="X49" s="138"/>
      <c r="Y49" s="138"/>
      <c r="Z49" s="138"/>
      <c r="AA49" s="138"/>
      <c r="AB49" s="138"/>
      <c r="AC49" s="138"/>
      <c r="AD49" s="138"/>
      <c r="AE49" s="138"/>
      <c r="AF49" s="139"/>
    </row>
    <row r="50" spans="1:32" ht="18.75" customHeight="1" x14ac:dyDescent="0.15">
      <c r="A50" s="167"/>
      <c r="B50" s="157"/>
      <c r="C50" s="213"/>
      <c r="D50" s="169"/>
      <c r="E50" s="115"/>
      <c r="F50" s="226"/>
      <c r="G50" s="184"/>
      <c r="H50" s="112" t="s">
        <v>172</v>
      </c>
      <c r="I50" s="172" t="s">
        <v>212</v>
      </c>
      <c r="J50" s="138" t="s">
        <v>184</v>
      </c>
      <c r="K50" s="136"/>
      <c r="L50" s="173" t="s">
        <v>212</v>
      </c>
      <c r="M50" s="138" t="s">
        <v>196</v>
      </c>
      <c r="N50" s="207"/>
      <c r="O50" s="138"/>
      <c r="P50" s="138"/>
      <c r="Q50" s="138"/>
      <c r="R50" s="138"/>
      <c r="S50" s="138"/>
      <c r="T50" s="138"/>
      <c r="U50" s="138"/>
      <c r="V50" s="138"/>
      <c r="W50" s="138"/>
      <c r="X50" s="138"/>
      <c r="Y50" s="138"/>
      <c r="Z50" s="138"/>
      <c r="AA50" s="138"/>
      <c r="AB50" s="138"/>
      <c r="AC50" s="138"/>
      <c r="AD50" s="138"/>
      <c r="AE50" s="138"/>
      <c r="AF50" s="139"/>
    </row>
    <row r="51" spans="1:32" ht="18.75" customHeight="1" x14ac:dyDescent="0.15">
      <c r="A51" s="167"/>
      <c r="B51" s="157"/>
      <c r="C51" s="213"/>
      <c r="D51" s="169"/>
      <c r="E51" s="115"/>
      <c r="F51" s="226"/>
      <c r="G51" s="184"/>
      <c r="H51" s="159" t="s">
        <v>157</v>
      </c>
      <c r="I51" s="172" t="s">
        <v>212</v>
      </c>
      <c r="J51" s="138" t="s">
        <v>184</v>
      </c>
      <c r="K51" s="136"/>
      <c r="L51" s="173" t="s">
        <v>212</v>
      </c>
      <c r="M51" s="138" t="s">
        <v>196</v>
      </c>
      <c r="N51" s="207"/>
      <c r="O51" s="138"/>
      <c r="P51" s="138"/>
      <c r="Q51" s="138"/>
      <c r="R51" s="138"/>
      <c r="S51" s="138"/>
      <c r="T51" s="138"/>
      <c r="U51" s="138"/>
      <c r="V51" s="138"/>
      <c r="W51" s="138"/>
      <c r="X51" s="138"/>
      <c r="Y51" s="138"/>
      <c r="Z51" s="138"/>
      <c r="AA51" s="138"/>
      <c r="AB51" s="138"/>
      <c r="AC51" s="138"/>
      <c r="AD51" s="138"/>
      <c r="AE51" s="138"/>
      <c r="AF51" s="139"/>
    </row>
    <row r="52" spans="1:32" ht="18.75" customHeight="1" x14ac:dyDescent="0.15">
      <c r="A52" s="168"/>
      <c r="B52" s="205"/>
      <c r="C52" s="214"/>
      <c r="D52" s="92"/>
      <c r="E52" s="117"/>
      <c r="F52" s="221"/>
      <c r="G52" s="183"/>
      <c r="H52" s="158" t="s">
        <v>154</v>
      </c>
      <c r="I52" s="178" t="s">
        <v>212</v>
      </c>
      <c r="J52" s="105" t="s">
        <v>184</v>
      </c>
      <c r="K52" s="171"/>
      <c r="L52" s="179" t="s">
        <v>212</v>
      </c>
      <c r="M52" s="105" t="s">
        <v>196</v>
      </c>
      <c r="N52" s="229"/>
      <c r="O52" s="105"/>
      <c r="P52" s="105"/>
      <c r="Q52" s="105"/>
      <c r="R52" s="105"/>
      <c r="S52" s="105"/>
      <c r="T52" s="105"/>
      <c r="U52" s="105"/>
      <c r="V52" s="105"/>
      <c r="W52" s="105"/>
      <c r="X52" s="105"/>
      <c r="Y52" s="105"/>
      <c r="Z52" s="105"/>
      <c r="AA52" s="105"/>
      <c r="AB52" s="105"/>
      <c r="AC52" s="105"/>
      <c r="AD52" s="105"/>
      <c r="AE52" s="105"/>
      <c r="AF52" s="106"/>
    </row>
    <row r="53" spans="1:32" ht="18.75" customHeight="1" x14ac:dyDescent="0.15">
      <c r="A53" s="102"/>
      <c r="B53" s="203"/>
      <c r="C53" s="212"/>
      <c r="D53" s="223"/>
      <c r="E53" s="128"/>
      <c r="F53" s="223"/>
      <c r="G53" s="134"/>
      <c r="H53" s="191" t="s">
        <v>138</v>
      </c>
      <c r="I53" s="175" t="s">
        <v>212</v>
      </c>
      <c r="J53" s="133" t="s">
        <v>184</v>
      </c>
      <c r="K53" s="133"/>
      <c r="L53" s="222"/>
      <c r="M53" s="177" t="s">
        <v>212</v>
      </c>
      <c r="N53" s="133" t="s">
        <v>200</v>
      </c>
      <c r="O53" s="133"/>
      <c r="P53" s="222"/>
      <c r="Q53" s="177" t="s">
        <v>212</v>
      </c>
      <c r="R53" s="227" t="s">
        <v>201</v>
      </c>
      <c r="S53" s="227"/>
      <c r="T53" s="227"/>
      <c r="U53" s="227"/>
      <c r="V53" s="133"/>
      <c r="W53" s="133"/>
      <c r="X53" s="133"/>
      <c r="Y53" s="133"/>
      <c r="Z53" s="133"/>
      <c r="AA53" s="133"/>
      <c r="AB53" s="133"/>
      <c r="AC53" s="133"/>
      <c r="AD53" s="133"/>
      <c r="AE53" s="133"/>
      <c r="AF53" s="166"/>
    </row>
    <row r="54" spans="1:32" ht="18.75" customHeight="1" x14ac:dyDescent="0.15">
      <c r="A54" s="167"/>
      <c r="B54" s="157"/>
      <c r="C54" s="213"/>
      <c r="D54" s="226"/>
      <c r="E54" s="115"/>
      <c r="F54" s="226"/>
      <c r="G54" s="184"/>
      <c r="H54" s="159" t="s">
        <v>151</v>
      </c>
      <c r="I54" s="172" t="s">
        <v>212</v>
      </c>
      <c r="J54" s="138" t="s">
        <v>184</v>
      </c>
      <c r="K54" s="136"/>
      <c r="L54" s="173" t="s">
        <v>212</v>
      </c>
      <c r="M54" s="138" t="s">
        <v>196</v>
      </c>
      <c r="N54" s="207"/>
      <c r="O54" s="138"/>
      <c r="P54" s="138"/>
      <c r="Q54" s="138"/>
      <c r="R54" s="138"/>
      <c r="S54" s="138"/>
      <c r="T54" s="138"/>
      <c r="U54" s="138"/>
      <c r="V54" s="138"/>
      <c r="W54" s="138"/>
      <c r="X54" s="138"/>
      <c r="Y54" s="138"/>
      <c r="Z54" s="138"/>
      <c r="AA54" s="138"/>
      <c r="AB54" s="138"/>
      <c r="AC54" s="138"/>
      <c r="AD54" s="138"/>
      <c r="AE54" s="138"/>
      <c r="AF54" s="139"/>
    </row>
    <row r="55" spans="1:32" ht="18.75" customHeight="1" x14ac:dyDescent="0.15">
      <c r="A55" s="167"/>
      <c r="B55" s="157"/>
      <c r="C55" s="213"/>
      <c r="D55" s="226"/>
      <c r="E55" s="115"/>
      <c r="F55" s="226"/>
      <c r="G55" s="184"/>
      <c r="H55" s="297" t="s">
        <v>158</v>
      </c>
      <c r="I55" s="258" t="s">
        <v>212</v>
      </c>
      <c r="J55" s="256" t="s">
        <v>189</v>
      </c>
      <c r="K55" s="256"/>
      <c r="L55" s="256"/>
      <c r="M55" s="258" t="s">
        <v>212</v>
      </c>
      <c r="N55" s="256" t="s">
        <v>190</v>
      </c>
      <c r="O55" s="256"/>
      <c r="P55" s="256"/>
      <c r="Q55" s="129"/>
      <c r="R55" s="129"/>
      <c r="S55" s="129"/>
      <c r="T55" s="129"/>
      <c r="U55" s="129"/>
      <c r="V55" s="129"/>
      <c r="W55" s="129"/>
      <c r="X55" s="129"/>
      <c r="Y55" s="129"/>
      <c r="Z55" s="129"/>
      <c r="AA55" s="129"/>
      <c r="AB55" s="129"/>
      <c r="AC55" s="129"/>
      <c r="AD55" s="129"/>
      <c r="AE55" s="129"/>
      <c r="AF55" s="130"/>
    </row>
    <row r="56" spans="1:32" ht="18.75" customHeight="1" x14ac:dyDescent="0.15">
      <c r="A56" s="167"/>
      <c r="B56" s="157"/>
      <c r="C56" s="213"/>
      <c r="D56" s="226"/>
      <c r="E56" s="115"/>
      <c r="F56" s="226"/>
      <c r="G56" s="184"/>
      <c r="H56" s="298"/>
      <c r="I56" s="259"/>
      <c r="J56" s="257"/>
      <c r="K56" s="257"/>
      <c r="L56" s="257"/>
      <c r="M56" s="259"/>
      <c r="N56" s="257"/>
      <c r="O56" s="257"/>
      <c r="P56" s="257"/>
      <c r="Q56" s="131"/>
      <c r="R56" s="131"/>
      <c r="S56" s="131"/>
      <c r="T56" s="131"/>
      <c r="U56" s="131"/>
      <c r="V56" s="131"/>
      <c r="W56" s="131"/>
      <c r="X56" s="131"/>
      <c r="Y56" s="131"/>
      <c r="Z56" s="131"/>
      <c r="AA56" s="131"/>
      <c r="AB56" s="131"/>
      <c r="AC56" s="131"/>
      <c r="AD56" s="131"/>
      <c r="AE56" s="131"/>
      <c r="AF56" s="132"/>
    </row>
    <row r="57" spans="1:32" ht="18.75" customHeight="1" x14ac:dyDescent="0.15">
      <c r="A57" s="216" t="s">
        <v>212</v>
      </c>
      <c r="B57" s="157">
        <v>73</v>
      </c>
      <c r="C57" s="213" t="s">
        <v>72</v>
      </c>
      <c r="D57" s="216" t="s">
        <v>212</v>
      </c>
      <c r="E57" s="115" t="s">
        <v>251</v>
      </c>
      <c r="F57" s="226"/>
      <c r="G57" s="184"/>
      <c r="H57" s="192" t="s">
        <v>146</v>
      </c>
      <c r="I57" s="172" t="s">
        <v>212</v>
      </c>
      <c r="J57" s="138" t="s">
        <v>184</v>
      </c>
      <c r="K57" s="136"/>
      <c r="L57" s="173" t="s">
        <v>212</v>
      </c>
      <c r="M57" s="138" t="s">
        <v>196</v>
      </c>
      <c r="N57" s="207"/>
      <c r="O57" s="138"/>
      <c r="P57" s="138"/>
      <c r="Q57" s="138"/>
      <c r="R57" s="138"/>
      <c r="S57" s="138"/>
      <c r="T57" s="138"/>
      <c r="U57" s="138"/>
      <c r="V57" s="138"/>
      <c r="W57" s="138"/>
      <c r="X57" s="138"/>
      <c r="Y57" s="138"/>
      <c r="Z57" s="138"/>
      <c r="AA57" s="138"/>
      <c r="AB57" s="138"/>
      <c r="AC57" s="138"/>
      <c r="AD57" s="138"/>
      <c r="AE57" s="138"/>
      <c r="AF57" s="139"/>
    </row>
    <row r="58" spans="1:32" ht="18.75" customHeight="1" x14ac:dyDescent="0.15">
      <c r="A58" s="167"/>
      <c r="B58" s="157"/>
      <c r="C58" s="213"/>
      <c r="D58" s="216" t="s">
        <v>212</v>
      </c>
      <c r="E58" s="115" t="s">
        <v>232</v>
      </c>
      <c r="F58" s="226"/>
      <c r="G58" s="184"/>
      <c r="H58" s="192" t="s">
        <v>107</v>
      </c>
      <c r="I58" s="172" t="s">
        <v>212</v>
      </c>
      <c r="J58" s="138" t="s">
        <v>184</v>
      </c>
      <c r="K58" s="138"/>
      <c r="L58" s="173" t="s">
        <v>212</v>
      </c>
      <c r="M58" s="138" t="s">
        <v>185</v>
      </c>
      <c r="N58" s="138"/>
      <c r="O58" s="173" t="s">
        <v>212</v>
      </c>
      <c r="P58" s="138" t="s">
        <v>186</v>
      </c>
      <c r="Q58" s="207"/>
      <c r="R58" s="173" t="s">
        <v>212</v>
      </c>
      <c r="S58" s="138" t="s">
        <v>187</v>
      </c>
      <c r="T58" s="207"/>
      <c r="U58" s="138"/>
      <c r="V58" s="138"/>
      <c r="W58" s="138"/>
      <c r="X58" s="138"/>
      <c r="Y58" s="138"/>
      <c r="Z58" s="138"/>
      <c r="AA58" s="138"/>
      <c r="AB58" s="138"/>
      <c r="AC58" s="138"/>
      <c r="AD58" s="138"/>
      <c r="AE58" s="138"/>
      <c r="AF58" s="139"/>
    </row>
    <row r="59" spans="1:32" ht="18.75" customHeight="1" x14ac:dyDescent="0.15">
      <c r="A59" s="167"/>
      <c r="B59" s="157"/>
      <c r="C59" s="213"/>
      <c r="D59" s="226"/>
      <c r="E59" s="115" t="s">
        <v>233</v>
      </c>
      <c r="F59" s="226"/>
      <c r="G59" s="184"/>
      <c r="H59" s="192" t="s">
        <v>121</v>
      </c>
      <c r="I59" s="172" t="s">
        <v>212</v>
      </c>
      <c r="J59" s="138" t="s">
        <v>184</v>
      </c>
      <c r="K59" s="136"/>
      <c r="L59" s="173" t="s">
        <v>212</v>
      </c>
      <c r="M59" s="138" t="s">
        <v>196</v>
      </c>
      <c r="N59" s="207"/>
      <c r="O59" s="138"/>
      <c r="P59" s="138"/>
      <c r="Q59" s="138"/>
      <c r="R59" s="138"/>
      <c r="S59" s="138"/>
      <c r="T59" s="138"/>
      <c r="U59" s="138"/>
      <c r="V59" s="138"/>
      <c r="W59" s="138"/>
      <c r="X59" s="138"/>
      <c r="Y59" s="138"/>
      <c r="Z59" s="138"/>
      <c r="AA59" s="138"/>
      <c r="AB59" s="138"/>
      <c r="AC59" s="138"/>
      <c r="AD59" s="138"/>
      <c r="AE59" s="138"/>
      <c r="AF59" s="139"/>
    </row>
    <row r="60" spans="1:32" ht="18.75" customHeight="1" x14ac:dyDescent="0.15">
      <c r="A60" s="167"/>
      <c r="B60" s="157"/>
      <c r="C60" s="213"/>
      <c r="D60" s="226"/>
      <c r="E60" s="115"/>
      <c r="F60" s="226"/>
      <c r="G60" s="184"/>
      <c r="H60" s="192" t="s">
        <v>120</v>
      </c>
      <c r="I60" s="172" t="s">
        <v>212</v>
      </c>
      <c r="J60" s="138" t="s">
        <v>184</v>
      </c>
      <c r="K60" s="136"/>
      <c r="L60" s="173" t="s">
        <v>212</v>
      </c>
      <c r="M60" s="138" t="s">
        <v>196</v>
      </c>
      <c r="N60" s="207"/>
      <c r="O60" s="138"/>
      <c r="P60" s="138"/>
      <c r="Q60" s="138"/>
      <c r="R60" s="138"/>
      <c r="S60" s="138"/>
      <c r="T60" s="138"/>
      <c r="U60" s="138"/>
      <c r="V60" s="138"/>
      <c r="W60" s="138"/>
      <c r="X60" s="138"/>
      <c r="Y60" s="138"/>
      <c r="Z60" s="138"/>
      <c r="AA60" s="138"/>
      <c r="AB60" s="138"/>
      <c r="AC60" s="138"/>
      <c r="AD60" s="138"/>
      <c r="AE60" s="138"/>
      <c r="AF60" s="139"/>
    </row>
    <row r="61" spans="1:32" ht="18.75" customHeight="1" x14ac:dyDescent="0.15">
      <c r="A61" s="167"/>
      <c r="B61" s="157"/>
      <c r="C61" s="213"/>
      <c r="D61" s="226"/>
      <c r="E61" s="115"/>
      <c r="F61" s="226"/>
      <c r="G61" s="184"/>
      <c r="H61" s="192" t="s">
        <v>119</v>
      </c>
      <c r="I61" s="172" t="s">
        <v>212</v>
      </c>
      <c r="J61" s="138" t="s">
        <v>184</v>
      </c>
      <c r="K61" s="136"/>
      <c r="L61" s="173" t="s">
        <v>212</v>
      </c>
      <c r="M61" s="138" t="s">
        <v>196</v>
      </c>
      <c r="N61" s="207"/>
      <c r="O61" s="138"/>
      <c r="P61" s="138"/>
      <c r="Q61" s="138"/>
      <c r="R61" s="138"/>
      <c r="S61" s="138"/>
      <c r="T61" s="138"/>
      <c r="U61" s="138"/>
      <c r="V61" s="138"/>
      <c r="W61" s="138"/>
      <c r="X61" s="138"/>
      <c r="Y61" s="138"/>
      <c r="Z61" s="138"/>
      <c r="AA61" s="138"/>
      <c r="AB61" s="138"/>
      <c r="AC61" s="138"/>
      <c r="AD61" s="138"/>
      <c r="AE61" s="138"/>
      <c r="AF61" s="139"/>
    </row>
    <row r="62" spans="1:32" ht="18.75" customHeight="1" x14ac:dyDescent="0.15">
      <c r="A62" s="168"/>
      <c r="B62" s="205"/>
      <c r="C62" s="214"/>
      <c r="D62" s="221"/>
      <c r="E62" s="117"/>
      <c r="F62" s="221"/>
      <c r="G62" s="183"/>
      <c r="H62" s="158" t="s">
        <v>154</v>
      </c>
      <c r="I62" s="172" t="s">
        <v>212</v>
      </c>
      <c r="J62" s="138" t="s">
        <v>184</v>
      </c>
      <c r="K62" s="136"/>
      <c r="L62" s="173" t="s">
        <v>212</v>
      </c>
      <c r="M62" s="138" t="s">
        <v>196</v>
      </c>
      <c r="N62" s="207"/>
      <c r="O62" s="105"/>
      <c r="P62" s="105"/>
      <c r="Q62" s="105"/>
      <c r="R62" s="105"/>
      <c r="S62" s="105"/>
      <c r="T62" s="105"/>
      <c r="U62" s="105"/>
      <c r="V62" s="105"/>
      <c r="W62" s="105"/>
      <c r="X62" s="105"/>
      <c r="Y62" s="105"/>
      <c r="Z62" s="105"/>
      <c r="AA62" s="105"/>
      <c r="AB62" s="105"/>
      <c r="AC62" s="105"/>
      <c r="AD62" s="105"/>
      <c r="AE62" s="105"/>
      <c r="AF62" s="106"/>
    </row>
    <row r="63" spans="1:32" ht="18.75" customHeight="1" x14ac:dyDescent="0.15">
      <c r="A63" s="102"/>
      <c r="B63" s="203"/>
      <c r="C63" s="212"/>
      <c r="D63" s="180" t="s">
        <v>212</v>
      </c>
      <c r="E63" s="128" t="s">
        <v>251</v>
      </c>
      <c r="F63" s="223"/>
      <c r="G63" s="134"/>
      <c r="H63" s="191" t="s">
        <v>138</v>
      </c>
      <c r="I63" s="175" t="s">
        <v>212</v>
      </c>
      <c r="J63" s="133" t="s">
        <v>184</v>
      </c>
      <c r="K63" s="133"/>
      <c r="L63" s="222"/>
      <c r="M63" s="177" t="s">
        <v>212</v>
      </c>
      <c r="N63" s="133" t="s">
        <v>200</v>
      </c>
      <c r="O63" s="133"/>
      <c r="P63" s="222"/>
      <c r="Q63" s="177" t="s">
        <v>212</v>
      </c>
      <c r="R63" s="227" t="s">
        <v>201</v>
      </c>
      <c r="S63" s="227"/>
      <c r="T63" s="227"/>
      <c r="U63" s="227"/>
      <c r="V63" s="133"/>
      <c r="W63" s="133"/>
      <c r="X63" s="133"/>
      <c r="Y63" s="133"/>
      <c r="Z63" s="133"/>
      <c r="AA63" s="133"/>
      <c r="AB63" s="133"/>
      <c r="AC63" s="133"/>
      <c r="AD63" s="133"/>
      <c r="AE63" s="133"/>
      <c r="AF63" s="166"/>
    </row>
    <row r="64" spans="1:32" ht="18.75" customHeight="1" x14ac:dyDescent="0.15">
      <c r="A64" s="216" t="s">
        <v>212</v>
      </c>
      <c r="B64" s="157">
        <v>68</v>
      </c>
      <c r="C64" s="213" t="s">
        <v>234</v>
      </c>
      <c r="D64" s="216" t="s">
        <v>212</v>
      </c>
      <c r="E64" s="115" t="s">
        <v>232</v>
      </c>
      <c r="F64" s="226"/>
      <c r="G64" s="184"/>
      <c r="H64" s="297" t="s">
        <v>158</v>
      </c>
      <c r="I64" s="258" t="s">
        <v>212</v>
      </c>
      <c r="J64" s="256" t="s">
        <v>189</v>
      </c>
      <c r="K64" s="256"/>
      <c r="L64" s="256"/>
      <c r="M64" s="258" t="s">
        <v>212</v>
      </c>
      <c r="N64" s="256" t="s">
        <v>190</v>
      </c>
      <c r="O64" s="256"/>
      <c r="P64" s="256"/>
      <c r="Q64" s="129"/>
      <c r="R64" s="129"/>
      <c r="S64" s="129"/>
      <c r="T64" s="129"/>
      <c r="U64" s="129"/>
      <c r="V64" s="129"/>
      <c r="W64" s="129"/>
      <c r="X64" s="129"/>
      <c r="Y64" s="129"/>
      <c r="Z64" s="129"/>
      <c r="AA64" s="129"/>
      <c r="AB64" s="129"/>
      <c r="AC64" s="129"/>
      <c r="AD64" s="129"/>
      <c r="AE64" s="129"/>
      <c r="AF64" s="130"/>
    </row>
    <row r="65" spans="1:32" ht="18.75" customHeight="1" x14ac:dyDescent="0.15">
      <c r="A65" s="168"/>
      <c r="B65" s="205"/>
      <c r="C65" s="214" t="s">
        <v>235</v>
      </c>
      <c r="D65" s="221"/>
      <c r="E65" s="117" t="s">
        <v>233</v>
      </c>
      <c r="F65" s="221"/>
      <c r="G65" s="183"/>
      <c r="H65" s="303"/>
      <c r="I65" s="259"/>
      <c r="J65" s="257"/>
      <c r="K65" s="257"/>
      <c r="L65" s="257"/>
      <c r="M65" s="259"/>
      <c r="N65" s="257"/>
      <c r="O65" s="257"/>
      <c r="P65" s="257"/>
      <c r="Q65" s="131"/>
      <c r="R65" s="131"/>
      <c r="S65" s="131"/>
      <c r="T65" s="131"/>
      <c r="U65" s="131"/>
      <c r="V65" s="131"/>
      <c r="W65" s="131"/>
      <c r="X65" s="131"/>
      <c r="Y65" s="131"/>
      <c r="Z65" s="131"/>
      <c r="AA65" s="131"/>
      <c r="AB65" s="131"/>
      <c r="AC65" s="131"/>
      <c r="AD65" s="131"/>
      <c r="AE65" s="131"/>
      <c r="AF65" s="132"/>
    </row>
    <row r="66" spans="1:32" ht="18.75" customHeight="1" x14ac:dyDescent="0.15">
      <c r="A66" s="102"/>
      <c r="B66" s="203"/>
      <c r="C66" s="212"/>
      <c r="D66" s="223"/>
      <c r="E66" s="128"/>
      <c r="F66" s="223"/>
      <c r="G66" s="134"/>
      <c r="H66" s="191" t="s">
        <v>138</v>
      </c>
      <c r="I66" s="175" t="s">
        <v>212</v>
      </c>
      <c r="J66" s="133" t="s">
        <v>184</v>
      </c>
      <c r="K66" s="133"/>
      <c r="L66" s="222"/>
      <c r="M66" s="177" t="s">
        <v>212</v>
      </c>
      <c r="N66" s="133" t="s">
        <v>200</v>
      </c>
      <c r="O66" s="133"/>
      <c r="P66" s="222"/>
      <c r="Q66" s="177" t="s">
        <v>212</v>
      </c>
      <c r="R66" s="227" t="s">
        <v>201</v>
      </c>
      <c r="S66" s="227"/>
      <c r="T66" s="227"/>
      <c r="U66" s="227"/>
      <c r="V66" s="133"/>
      <c r="W66" s="133"/>
      <c r="X66" s="133"/>
      <c r="Y66" s="133"/>
      <c r="Z66" s="133"/>
      <c r="AA66" s="133"/>
      <c r="AB66" s="133"/>
      <c r="AC66" s="133"/>
      <c r="AD66" s="133"/>
      <c r="AE66" s="133"/>
      <c r="AF66" s="166"/>
    </row>
    <row r="67" spans="1:32" ht="18.75" customHeight="1" x14ac:dyDescent="0.15">
      <c r="A67" s="167"/>
      <c r="B67" s="157"/>
      <c r="C67" s="213"/>
      <c r="D67" s="226"/>
      <c r="E67" s="115"/>
      <c r="F67" s="226"/>
      <c r="G67" s="184"/>
      <c r="H67" s="192" t="s">
        <v>148</v>
      </c>
      <c r="I67" s="172" t="s">
        <v>212</v>
      </c>
      <c r="J67" s="138" t="s">
        <v>194</v>
      </c>
      <c r="K67" s="136"/>
      <c r="L67" s="207"/>
      <c r="M67" s="173" t="s">
        <v>212</v>
      </c>
      <c r="N67" s="138" t="s">
        <v>195</v>
      </c>
      <c r="O67" s="126"/>
      <c r="P67" s="126"/>
      <c r="Q67" s="126"/>
      <c r="R67" s="138"/>
      <c r="S67" s="138"/>
      <c r="T67" s="138"/>
      <c r="U67" s="138"/>
      <c r="V67" s="138"/>
      <c r="W67" s="138"/>
      <c r="X67" s="138"/>
      <c r="Y67" s="138"/>
      <c r="Z67" s="138"/>
      <c r="AA67" s="138"/>
      <c r="AB67" s="138"/>
      <c r="AC67" s="138"/>
      <c r="AD67" s="138"/>
      <c r="AE67" s="138"/>
      <c r="AF67" s="139"/>
    </row>
    <row r="68" spans="1:32" ht="18.75" customHeight="1" x14ac:dyDescent="0.15">
      <c r="A68" s="167"/>
      <c r="B68" s="157"/>
      <c r="C68" s="213"/>
      <c r="D68" s="226"/>
      <c r="E68" s="115"/>
      <c r="F68" s="226"/>
      <c r="G68" s="184"/>
      <c r="H68" s="159" t="s">
        <v>169</v>
      </c>
      <c r="I68" s="172" t="s">
        <v>212</v>
      </c>
      <c r="J68" s="138" t="s">
        <v>184</v>
      </c>
      <c r="K68" s="138"/>
      <c r="L68" s="173" t="s">
        <v>212</v>
      </c>
      <c r="M68" s="138" t="s">
        <v>185</v>
      </c>
      <c r="N68" s="138"/>
      <c r="O68" s="173" t="s">
        <v>212</v>
      </c>
      <c r="P68" s="138" t="s">
        <v>186</v>
      </c>
      <c r="Q68" s="207"/>
      <c r="R68" s="207"/>
      <c r="S68" s="189"/>
      <c r="T68" s="189"/>
      <c r="U68" s="189"/>
      <c r="V68" s="189"/>
      <c r="W68" s="189"/>
      <c r="X68" s="189"/>
      <c r="Y68" s="189"/>
      <c r="Z68" s="189"/>
      <c r="AA68" s="189"/>
      <c r="AB68" s="189"/>
      <c r="AC68" s="189"/>
      <c r="AD68" s="189"/>
      <c r="AE68" s="189"/>
      <c r="AF68" s="190"/>
    </row>
    <row r="69" spans="1:32" ht="18.75" customHeight="1" x14ac:dyDescent="0.15">
      <c r="A69" s="167"/>
      <c r="B69" s="157"/>
      <c r="C69" s="213"/>
      <c r="D69" s="216" t="s">
        <v>212</v>
      </c>
      <c r="E69" s="115" t="s">
        <v>209</v>
      </c>
      <c r="F69" s="226"/>
      <c r="G69" s="184"/>
      <c r="H69" s="159" t="s">
        <v>139</v>
      </c>
      <c r="I69" s="172" t="s">
        <v>212</v>
      </c>
      <c r="J69" s="138" t="s">
        <v>184</v>
      </c>
      <c r="K69" s="138"/>
      <c r="L69" s="173" t="s">
        <v>212</v>
      </c>
      <c r="M69" s="138" t="s">
        <v>197</v>
      </c>
      <c r="N69" s="138"/>
      <c r="O69" s="173" t="s">
        <v>212</v>
      </c>
      <c r="P69" s="138" t="s">
        <v>198</v>
      </c>
      <c r="Q69" s="207"/>
      <c r="R69" s="207"/>
      <c r="S69" s="207"/>
      <c r="T69" s="138"/>
      <c r="U69" s="138"/>
      <c r="V69" s="138"/>
      <c r="W69" s="138"/>
      <c r="X69" s="138"/>
      <c r="Y69" s="138"/>
      <c r="Z69" s="138"/>
      <c r="AA69" s="138"/>
      <c r="AB69" s="138"/>
      <c r="AC69" s="138"/>
      <c r="AD69" s="138"/>
      <c r="AE69" s="138"/>
      <c r="AF69" s="139"/>
    </row>
    <row r="70" spans="1:32" ht="18.75" customHeight="1" x14ac:dyDescent="0.15">
      <c r="A70" s="216" t="s">
        <v>212</v>
      </c>
      <c r="B70" s="157">
        <v>74</v>
      </c>
      <c r="C70" s="213" t="s">
        <v>246</v>
      </c>
      <c r="D70" s="216" t="s">
        <v>212</v>
      </c>
      <c r="E70" s="115" t="s">
        <v>229</v>
      </c>
      <c r="F70" s="226"/>
      <c r="G70" s="184"/>
      <c r="H70" s="159" t="s">
        <v>171</v>
      </c>
      <c r="I70" s="172" t="s">
        <v>212</v>
      </c>
      <c r="J70" s="138" t="s">
        <v>184</v>
      </c>
      <c r="K70" s="136"/>
      <c r="L70" s="173" t="s">
        <v>212</v>
      </c>
      <c r="M70" s="138" t="s">
        <v>196</v>
      </c>
      <c r="N70" s="207"/>
      <c r="O70" s="138"/>
      <c r="P70" s="138"/>
      <c r="Q70" s="138"/>
      <c r="R70" s="138"/>
      <c r="S70" s="138"/>
      <c r="T70" s="138"/>
      <c r="U70" s="138"/>
      <c r="V70" s="138"/>
      <c r="W70" s="138"/>
      <c r="X70" s="138"/>
      <c r="Y70" s="138"/>
      <c r="Z70" s="138"/>
      <c r="AA70" s="138"/>
      <c r="AB70" s="138"/>
      <c r="AC70" s="138"/>
      <c r="AD70" s="138"/>
      <c r="AE70" s="138"/>
      <c r="AF70" s="139"/>
    </row>
    <row r="71" spans="1:32" ht="18.75" customHeight="1" x14ac:dyDescent="0.15">
      <c r="A71" s="167"/>
      <c r="B71" s="157"/>
      <c r="C71" s="213" t="s">
        <v>6</v>
      </c>
      <c r="D71" s="216" t="s">
        <v>212</v>
      </c>
      <c r="E71" s="115" t="s">
        <v>230</v>
      </c>
      <c r="F71" s="226"/>
      <c r="G71" s="184"/>
      <c r="H71" s="192" t="s">
        <v>146</v>
      </c>
      <c r="I71" s="172" t="s">
        <v>212</v>
      </c>
      <c r="J71" s="138" t="s">
        <v>184</v>
      </c>
      <c r="K71" s="136"/>
      <c r="L71" s="173" t="s">
        <v>212</v>
      </c>
      <c r="M71" s="138" t="s">
        <v>196</v>
      </c>
      <c r="N71" s="207"/>
      <c r="O71" s="138"/>
      <c r="P71" s="138"/>
      <c r="Q71" s="138"/>
      <c r="R71" s="138"/>
      <c r="S71" s="138"/>
      <c r="T71" s="138"/>
      <c r="U71" s="138"/>
      <c r="V71" s="138"/>
      <c r="W71" s="138"/>
      <c r="X71" s="138"/>
      <c r="Y71" s="138"/>
      <c r="Z71" s="138"/>
      <c r="AA71" s="138"/>
      <c r="AB71" s="138"/>
      <c r="AC71" s="138"/>
      <c r="AD71" s="138"/>
      <c r="AE71" s="138"/>
      <c r="AF71" s="139"/>
    </row>
    <row r="72" spans="1:32" ht="18.75" customHeight="1" x14ac:dyDescent="0.15">
      <c r="A72" s="167"/>
      <c r="B72" s="157"/>
      <c r="C72" s="213"/>
      <c r="D72" s="226"/>
      <c r="E72" s="115"/>
      <c r="F72" s="226"/>
      <c r="G72" s="184"/>
      <c r="H72" s="112" t="s">
        <v>172</v>
      </c>
      <c r="I72" s="172" t="s">
        <v>212</v>
      </c>
      <c r="J72" s="138" t="s">
        <v>184</v>
      </c>
      <c r="K72" s="136"/>
      <c r="L72" s="173" t="s">
        <v>212</v>
      </c>
      <c r="M72" s="138" t="s">
        <v>196</v>
      </c>
      <c r="N72" s="207"/>
      <c r="O72" s="138"/>
      <c r="P72" s="138"/>
      <c r="Q72" s="138"/>
      <c r="R72" s="138"/>
      <c r="S72" s="138"/>
      <c r="T72" s="138"/>
      <c r="U72" s="138"/>
      <c r="V72" s="138"/>
      <c r="W72" s="138"/>
      <c r="X72" s="138"/>
      <c r="Y72" s="138"/>
      <c r="Z72" s="138"/>
      <c r="AA72" s="138"/>
      <c r="AB72" s="138"/>
      <c r="AC72" s="138"/>
      <c r="AD72" s="138"/>
      <c r="AE72" s="138"/>
      <c r="AF72" s="139"/>
    </row>
    <row r="73" spans="1:32" ht="18.75" customHeight="1" x14ac:dyDescent="0.15">
      <c r="A73" s="167"/>
      <c r="B73" s="157"/>
      <c r="C73" s="213"/>
      <c r="D73" s="226"/>
      <c r="E73" s="115"/>
      <c r="F73" s="226"/>
      <c r="G73" s="184"/>
      <c r="H73" s="159" t="s">
        <v>157</v>
      </c>
      <c r="I73" s="172" t="s">
        <v>212</v>
      </c>
      <c r="J73" s="138" t="s">
        <v>184</v>
      </c>
      <c r="K73" s="136"/>
      <c r="L73" s="173" t="s">
        <v>212</v>
      </c>
      <c r="M73" s="138" t="s">
        <v>196</v>
      </c>
      <c r="N73" s="207"/>
      <c r="O73" s="138"/>
      <c r="P73" s="138"/>
      <c r="Q73" s="138"/>
      <c r="R73" s="138"/>
      <c r="S73" s="138"/>
      <c r="T73" s="138"/>
      <c r="U73" s="138"/>
      <c r="V73" s="138"/>
      <c r="W73" s="138"/>
      <c r="X73" s="138"/>
      <c r="Y73" s="138"/>
      <c r="Z73" s="138"/>
      <c r="AA73" s="138"/>
      <c r="AB73" s="138"/>
      <c r="AC73" s="138"/>
      <c r="AD73" s="138"/>
      <c r="AE73" s="138"/>
      <c r="AF73" s="139"/>
    </row>
    <row r="74" spans="1:32" ht="18.75" customHeight="1" x14ac:dyDescent="0.15">
      <c r="A74" s="168"/>
      <c r="B74" s="205"/>
      <c r="C74" s="214"/>
      <c r="D74" s="221"/>
      <c r="E74" s="117"/>
      <c r="F74" s="221"/>
      <c r="G74" s="183"/>
      <c r="H74" s="158" t="s">
        <v>154</v>
      </c>
      <c r="I74" s="178" t="s">
        <v>212</v>
      </c>
      <c r="J74" s="105" t="s">
        <v>184</v>
      </c>
      <c r="K74" s="171"/>
      <c r="L74" s="179" t="s">
        <v>212</v>
      </c>
      <c r="M74" s="105" t="s">
        <v>196</v>
      </c>
      <c r="N74" s="229"/>
      <c r="O74" s="105"/>
      <c r="P74" s="105"/>
      <c r="Q74" s="105"/>
      <c r="R74" s="105"/>
      <c r="S74" s="105"/>
      <c r="T74" s="105"/>
      <c r="U74" s="105"/>
      <c r="V74" s="105"/>
      <c r="W74" s="105"/>
      <c r="X74" s="105"/>
      <c r="Y74" s="105"/>
      <c r="Z74" s="105"/>
      <c r="AA74" s="105"/>
      <c r="AB74" s="105"/>
      <c r="AC74" s="105"/>
      <c r="AD74" s="105"/>
      <c r="AE74" s="105"/>
      <c r="AF74" s="106"/>
    </row>
    <row r="75" spans="1:32" ht="18.75" customHeight="1" x14ac:dyDescent="0.15">
      <c r="A75" s="102"/>
      <c r="B75" s="203"/>
      <c r="C75" s="212"/>
      <c r="D75" s="223"/>
      <c r="E75" s="128"/>
      <c r="F75" s="223"/>
      <c r="G75" s="134"/>
      <c r="H75" s="191" t="s">
        <v>138</v>
      </c>
      <c r="I75" s="175" t="s">
        <v>212</v>
      </c>
      <c r="J75" s="133" t="s">
        <v>184</v>
      </c>
      <c r="K75" s="133"/>
      <c r="L75" s="222"/>
      <c r="M75" s="177" t="s">
        <v>212</v>
      </c>
      <c r="N75" s="133" t="s">
        <v>200</v>
      </c>
      <c r="O75" s="133"/>
      <c r="P75" s="222"/>
      <c r="Q75" s="177" t="s">
        <v>212</v>
      </c>
      <c r="R75" s="227" t="s">
        <v>201</v>
      </c>
      <c r="S75" s="227"/>
      <c r="T75" s="227"/>
      <c r="U75" s="227"/>
      <c r="V75" s="133"/>
      <c r="W75" s="133"/>
      <c r="X75" s="133"/>
      <c r="Y75" s="133"/>
      <c r="Z75" s="133"/>
      <c r="AA75" s="133"/>
      <c r="AB75" s="133"/>
      <c r="AC75" s="133"/>
      <c r="AD75" s="133"/>
      <c r="AE75" s="133"/>
      <c r="AF75" s="166"/>
    </row>
    <row r="76" spans="1:32" ht="18.75" customHeight="1" x14ac:dyDescent="0.15">
      <c r="A76" s="167"/>
      <c r="B76" s="157"/>
      <c r="C76" s="213"/>
      <c r="D76" s="226"/>
      <c r="E76" s="115"/>
      <c r="F76" s="226"/>
      <c r="G76" s="184"/>
      <c r="H76" s="192" t="s">
        <v>124</v>
      </c>
      <c r="I76" s="172" t="s">
        <v>212</v>
      </c>
      <c r="J76" s="138" t="s">
        <v>184</v>
      </c>
      <c r="K76" s="136"/>
      <c r="L76" s="173" t="s">
        <v>212</v>
      </c>
      <c r="M76" s="138" t="s">
        <v>196</v>
      </c>
      <c r="N76" s="207"/>
      <c r="O76" s="138"/>
      <c r="P76" s="138"/>
      <c r="Q76" s="138"/>
      <c r="R76" s="138"/>
      <c r="S76" s="138"/>
      <c r="T76" s="138"/>
      <c r="U76" s="138"/>
      <c r="V76" s="138"/>
      <c r="W76" s="138"/>
      <c r="X76" s="138"/>
      <c r="Y76" s="138"/>
      <c r="Z76" s="138"/>
      <c r="AA76" s="138"/>
      <c r="AB76" s="138"/>
      <c r="AC76" s="138"/>
      <c r="AD76" s="138"/>
      <c r="AE76" s="138"/>
      <c r="AF76" s="139"/>
    </row>
    <row r="77" spans="1:32" ht="18.75" customHeight="1" x14ac:dyDescent="0.15">
      <c r="A77" s="167"/>
      <c r="B77" s="157"/>
      <c r="C77" s="213"/>
      <c r="D77" s="216" t="s">
        <v>212</v>
      </c>
      <c r="E77" s="115" t="s">
        <v>252</v>
      </c>
      <c r="F77" s="226"/>
      <c r="G77" s="184"/>
      <c r="H77" s="297" t="s">
        <v>159</v>
      </c>
      <c r="I77" s="258" t="s">
        <v>212</v>
      </c>
      <c r="J77" s="256" t="s">
        <v>189</v>
      </c>
      <c r="K77" s="256"/>
      <c r="L77" s="256"/>
      <c r="M77" s="258" t="s">
        <v>212</v>
      </c>
      <c r="N77" s="256" t="s">
        <v>190</v>
      </c>
      <c r="O77" s="256"/>
      <c r="P77" s="256"/>
      <c r="Q77" s="129"/>
      <c r="R77" s="129"/>
      <c r="S77" s="129"/>
      <c r="T77" s="129"/>
      <c r="U77" s="129"/>
      <c r="V77" s="129"/>
      <c r="W77" s="129"/>
      <c r="X77" s="129"/>
      <c r="Y77" s="129"/>
      <c r="Z77" s="129"/>
      <c r="AA77" s="129"/>
      <c r="AB77" s="129"/>
      <c r="AC77" s="129"/>
      <c r="AD77" s="129"/>
      <c r="AE77" s="129"/>
      <c r="AF77" s="130"/>
    </row>
    <row r="78" spans="1:32" ht="18.75" customHeight="1" x14ac:dyDescent="0.15">
      <c r="A78" s="216" t="s">
        <v>212</v>
      </c>
      <c r="B78" s="157">
        <v>75</v>
      </c>
      <c r="C78" s="213" t="s">
        <v>249</v>
      </c>
      <c r="D78" s="216" t="s">
        <v>212</v>
      </c>
      <c r="E78" s="115" t="s">
        <v>248</v>
      </c>
      <c r="F78" s="226"/>
      <c r="G78" s="184"/>
      <c r="H78" s="298"/>
      <c r="I78" s="259"/>
      <c r="J78" s="257"/>
      <c r="K78" s="257"/>
      <c r="L78" s="257"/>
      <c r="M78" s="259"/>
      <c r="N78" s="257"/>
      <c r="O78" s="257"/>
      <c r="P78" s="257"/>
      <c r="Q78" s="131"/>
      <c r="R78" s="131"/>
      <c r="S78" s="131"/>
      <c r="T78" s="131"/>
      <c r="U78" s="131"/>
      <c r="V78" s="131"/>
      <c r="W78" s="131"/>
      <c r="X78" s="131"/>
      <c r="Y78" s="131"/>
      <c r="Z78" s="131"/>
      <c r="AA78" s="131"/>
      <c r="AB78" s="131"/>
      <c r="AC78" s="131"/>
      <c r="AD78" s="131"/>
      <c r="AE78" s="131"/>
      <c r="AF78" s="132"/>
    </row>
    <row r="79" spans="1:32" ht="18.75" customHeight="1" x14ac:dyDescent="0.15">
      <c r="A79" s="167"/>
      <c r="B79" s="157"/>
      <c r="C79" s="213" t="s">
        <v>250</v>
      </c>
      <c r="D79" s="226"/>
      <c r="E79" s="115" t="s">
        <v>233</v>
      </c>
      <c r="F79" s="226"/>
      <c r="G79" s="184"/>
      <c r="H79" s="192" t="s">
        <v>146</v>
      </c>
      <c r="I79" s="172" t="s">
        <v>212</v>
      </c>
      <c r="J79" s="138" t="s">
        <v>184</v>
      </c>
      <c r="K79" s="136"/>
      <c r="L79" s="173" t="s">
        <v>212</v>
      </c>
      <c r="M79" s="138" t="s">
        <v>196</v>
      </c>
      <c r="N79" s="207"/>
      <c r="O79" s="138"/>
      <c r="P79" s="138"/>
      <c r="Q79" s="138"/>
      <c r="R79" s="138"/>
      <c r="S79" s="138"/>
      <c r="T79" s="138"/>
      <c r="U79" s="138"/>
      <c r="V79" s="138"/>
      <c r="W79" s="138"/>
      <c r="X79" s="138"/>
      <c r="Y79" s="138"/>
      <c r="Z79" s="138"/>
      <c r="AA79" s="138"/>
      <c r="AB79" s="138"/>
      <c r="AC79" s="138"/>
      <c r="AD79" s="138"/>
      <c r="AE79" s="138"/>
      <c r="AF79" s="139"/>
    </row>
    <row r="80" spans="1:32" ht="18.75" customHeight="1" x14ac:dyDescent="0.15">
      <c r="A80" s="167"/>
      <c r="B80" s="157"/>
      <c r="C80" s="213"/>
      <c r="D80" s="226"/>
      <c r="E80" s="115"/>
      <c r="F80" s="226"/>
      <c r="G80" s="184"/>
      <c r="H80" s="192" t="s">
        <v>149</v>
      </c>
      <c r="I80" s="172" t="s">
        <v>212</v>
      </c>
      <c r="J80" s="138" t="s">
        <v>184</v>
      </c>
      <c r="K80" s="136"/>
      <c r="L80" s="173" t="s">
        <v>212</v>
      </c>
      <c r="M80" s="138" t="s">
        <v>196</v>
      </c>
      <c r="N80" s="207"/>
      <c r="O80" s="138"/>
      <c r="P80" s="138"/>
      <c r="Q80" s="138"/>
      <c r="R80" s="138"/>
      <c r="S80" s="138"/>
      <c r="T80" s="138"/>
      <c r="U80" s="138"/>
      <c r="V80" s="138"/>
      <c r="W80" s="138"/>
      <c r="X80" s="138"/>
      <c r="Y80" s="138"/>
      <c r="Z80" s="138"/>
      <c r="AA80" s="138"/>
      <c r="AB80" s="138"/>
      <c r="AC80" s="138"/>
      <c r="AD80" s="138"/>
      <c r="AE80" s="138"/>
      <c r="AF80" s="139"/>
    </row>
    <row r="81" spans="1:32" ht="18.75" customHeight="1" x14ac:dyDescent="0.15">
      <c r="A81" s="168"/>
      <c r="B81" s="205"/>
      <c r="C81" s="214"/>
      <c r="D81" s="221"/>
      <c r="E81" s="117"/>
      <c r="F81" s="221"/>
      <c r="G81" s="183"/>
      <c r="H81" s="158" t="s">
        <v>154</v>
      </c>
      <c r="I81" s="172" t="s">
        <v>212</v>
      </c>
      <c r="J81" s="138" t="s">
        <v>184</v>
      </c>
      <c r="K81" s="136"/>
      <c r="L81" s="173" t="s">
        <v>212</v>
      </c>
      <c r="M81" s="138" t="s">
        <v>196</v>
      </c>
      <c r="N81" s="207"/>
      <c r="O81" s="105"/>
      <c r="P81" s="105"/>
      <c r="Q81" s="105"/>
      <c r="R81" s="105"/>
      <c r="S81" s="105"/>
      <c r="T81" s="105"/>
      <c r="U81" s="105"/>
      <c r="V81" s="105"/>
      <c r="W81" s="105"/>
      <c r="X81" s="105"/>
      <c r="Y81" s="105"/>
      <c r="Z81" s="105"/>
      <c r="AA81" s="105"/>
      <c r="AB81" s="105"/>
      <c r="AC81" s="105"/>
      <c r="AD81" s="105"/>
      <c r="AE81" s="105"/>
      <c r="AF81" s="106"/>
    </row>
    <row r="82" spans="1:32" ht="18.75" customHeight="1" x14ac:dyDescent="0.15">
      <c r="A82" s="102"/>
      <c r="B82" s="203"/>
      <c r="C82" s="212" t="s">
        <v>249</v>
      </c>
      <c r="D82" s="180" t="s">
        <v>212</v>
      </c>
      <c r="E82" s="128" t="s">
        <v>252</v>
      </c>
      <c r="F82" s="223"/>
      <c r="G82" s="134"/>
      <c r="H82" s="191" t="s">
        <v>138</v>
      </c>
      <c r="I82" s="175" t="s">
        <v>212</v>
      </c>
      <c r="J82" s="133" t="s">
        <v>184</v>
      </c>
      <c r="K82" s="133"/>
      <c r="L82" s="222"/>
      <c r="M82" s="177" t="s">
        <v>212</v>
      </c>
      <c r="N82" s="133" t="s">
        <v>200</v>
      </c>
      <c r="O82" s="133"/>
      <c r="P82" s="222"/>
      <c r="Q82" s="177" t="s">
        <v>212</v>
      </c>
      <c r="R82" s="227" t="s">
        <v>201</v>
      </c>
      <c r="S82" s="227"/>
      <c r="T82" s="227"/>
      <c r="U82" s="227"/>
      <c r="V82" s="133"/>
      <c r="W82" s="133"/>
      <c r="X82" s="133"/>
      <c r="Y82" s="133"/>
      <c r="Z82" s="133"/>
      <c r="AA82" s="133"/>
      <c r="AB82" s="133"/>
      <c r="AC82" s="133"/>
      <c r="AD82" s="133"/>
      <c r="AE82" s="133"/>
      <c r="AF82" s="166"/>
    </row>
    <row r="83" spans="1:32" ht="18.75" customHeight="1" x14ac:dyDescent="0.15">
      <c r="A83" s="216" t="s">
        <v>212</v>
      </c>
      <c r="B83" s="157">
        <v>69</v>
      </c>
      <c r="C83" s="213" t="s">
        <v>250</v>
      </c>
      <c r="D83" s="216" t="s">
        <v>212</v>
      </c>
      <c r="E83" s="115" t="s">
        <v>248</v>
      </c>
      <c r="F83" s="226"/>
      <c r="G83" s="184"/>
      <c r="H83" s="299" t="s">
        <v>159</v>
      </c>
      <c r="I83" s="258" t="s">
        <v>212</v>
      </c>
      <c r="J83" s="256" t="s">
        <v>189</v>
      </c>
      <c r="K83" s="256"/>
      <c r="L83" s="256"/>
      <c r="M83" s="258" t="s">
        <v>212</v>
      </c>
      <c r="N83" s="256" t="s">
        <v>190</v>
      </c>
      <c r="O83" s="256"/>
      <c r="P83" s="256"/>
      <c r="Q83" s="129"/>
      <c r="R83" s="129"/>
      <c r="S83" s="129"/>
      <c r="T83" s="129"/>
      <c r="U83" s="129"/>
      <c r="V83" s="129"/>
      <c r="W83" s="129"/>
      <c r="X83" s="129"/>
      <c r="Y83" s="129"/>
      <c r="Z83" s="129"/>
      <c r="AA83" s="129"/>
      <c r="AB83" s="129"/>
      <c r="AC83" s="129"/>
      <c r="AD83" s="129"/>
      <c r="AE83" s="129"/>
      <c r="AF83" s="130"/>
    </row>
    <row r="84" spans="1:32" ht="18.75" customHeight="1" x14ac:dyDescent="0.15">
      <c r="A84" s="168"/>
      <c r="B84" s="205"/>
      <c r="C84" s="214" t="s">
        <v>235</v>
      </c>
      <c r="D84" s="221"/>
      <c r="E84" s="117" t="s">
        <v>233</v>
      </c>
      <c r="F84" s="221"/>
      <c r="G84" s="183"/>
      <c r="H84" s="300"/>
      <c r="I84" s="301"/>
      <c r="J84" s="302"/>
      <c r="K84" s="302"/>
      <c r="L84" s="302"/>
      <c r="M84" s="301"/>
      <c r="N84" s="302"/>
      <c r="O84" s="302"/>
      <c r="P84" s="302"/>
      <c r="Q84" s="152"/>
      <c r="R84" s="152"/>
      <c r="S84" s="152"/>
      <c r="T84" s="152"/>
      <c r="U84" s="152"/>
      <c r="V84" s="152"/>
      <c r="W84" s="152"/>
      <c r="X84" s="152"/>
      <c r="Y84" s="152"/>
      <c r="Z84" s="152"/>
      <c r="AA84" s="152"/>
      <c r="AB84" s="152"/>
      <c r="AC84" s="152"/>
      <c r="AD84" s="152"/>
      <c r="AE84" s="152"/>
      <c r="AF84" s="153"/>
    </row>
    <row r="85" spans="1:32" ht="8.25" customHeight="1" x14ac:dyDescent="0.15">
      <c r="A85" s="111"/>
      <c r="B85" s="111"/>
      <c r="C85" s="112"/>
      <c r="D85" s="112"/>
      <c r="E85" s="198"/>
      <c r="F85" s="198"/>
      <c r="G85" s="96"/>
      <c r="H85" s="198"/>
      <c r="I85" s="198"/>
      <c r="J85" s="198"/>
      <c r="K85" s="198"/>
      <c r="L85" s="198"/>
      <c r="M85" s="198"/>
      <c r="N85" s="198"/>
      <c r="O85" s="198"/>
      <c r="P85" s="198"/>
      <c r="Q85" s="198"/>
      <c r="R85" s="198"/>
      <c r="S85" s="198"/>
      <c r="T85" s="198"/>
      <c r="U85" s="198"/>
      <c r="V85" s="198"/>
      <c r="W85" s="198"/>
      <c r="X85" s="198"/>
      <c r="Y85" s="198"/>
      <c r="Z85" s="198"/>
      <c r="AA85" s="198"/>
      <c r="AB85" s="198"/>
      <c r="AC85" s="198"/>
      <c r="AD85" s="198"/>
      <c r="AE85" s="198"/>
      <c r="AF85" s="198"/>
    </row>
    <row r="86" spans="1:32" ht="20.25" customHeight="1" x14ac:dyDescent="0.15">
      <c r="A86" s="123"/>
      <c r="B86" s="123"/>
      <c r="C86" s="112" t="s">
        <v>137</v>
      </c>
      <c r="D86" s="112"/>
      <c r="E86" s="87"/>
      <c r="F86" s="87"/>
      <c r="G86" s="101"/>
      <c r="H86" s="87"/>
      <c r="I86" s="87"/>
      <c r="J86" s="87"/>
      <c r="K86" s="87"/>
      <c r="L86" s="87"/>
      <c r="M86" s="87"/>
      <c r="N86" s="87"/>
      <c r="O86" s="87"/>
      <c r="P86" s="87"/>
      <c r="Q86" s="87"/>
      <c r="R86" s="87"/>
      <c r="S86" s="87"/>
      <c r="T86" s="87"/>
      <c r="U86" s="87"/>
      <c r="V86" s="87"/>
    </row>
  </sheetData>
  <mergeCells count="58">
    <mergeCell ref="A4:AF4"/>
    <mergeCell ref="S6:V6"/>
    <mergeCell ref="A8:C8"/>
    <mergeCell ref="D8:E8"/>
    <mergeCell ref="F8:G8"/>
    <mergeCell ref="H8:AF8"/>
    <mergeCell ref="N12:P13"/>
    <mergeCell ref="H14:H15"/>
    <mergeCell ref="I14:I15"/>
    <mergeCell ref="J14:L15"/>
    <mergeCell ref="M14:M15"/>
    <mergeCell ref="N14:P15"/>
    <mergeCell ref="M12:M13"/>
    <mergeCell ref="A9:C10"/>
    <mergeCell ref="H9:H10"/>
    <mergeCell ref="H12:H13"/>
    <mergeCell ref="I12:I13"/>
    <mergeCell ref="J12:L13"/>
    <mergeCell ref="H23:H24"/>
    <mergeCell ref="I23:I24"/>
    <mergeCell ref="J23:K24"/>
    <mergeCell ref="L23:L24"/>
    <mergeCell ref="M23:N24"/>
    <mergeCell ref="H25:H26"/>
    <mergeCell ref="I25:I26"/>
    <mergeCell ref="J25:K26"/>
    <mergeCell ref="L25:L26"/>
    <mergeCell ref="M25:N26"/>
    <mergeCell ref="H27:H28"/>
    <mergeCell ref="I27:I28"/>
    <mergeCell ref="J27:K28"/>
    <mergeCell ref="L27:L28"/>
    <mergeCell ref="M27:N28"/>
    <mergeCell ref="H29:H30"/>
    <mergeCell ref="I29:I30"/>
    <mergeCell ref="J29:K30"/>
    <mergeCell ref="L29:L30"/>
    <mergeCell ref="M29:N30"/>
    <mergeCell ref="H55:H56"/>
    <mergeCell ref="I55:I56"/>
    <mergeCell ref="J55:L56"/>
    <mergeCell ref="M55:M56"/>
    <mergeCell ref="N55:P56"/>
    <mergeCell ref="H64:H65"/>
    <mergeCell ref="I64:I65"/>
    <mergeCell ref="J64:L65"/>
    <mergeCell ref="M64:M65"/>
    <mergeCell ref="N64:P65"/>
    <mergeCell ref="H83:H84"/>
    <mergeCell ref="I83:I84"/>
    <mergeCell ref="J83:L84"/>
    <mergeCell ref="M83:M84"/>
    <mergeCell ref="N83:P84"/>
    <mergeCell ref="H77:H78"/>
    <mergeCell ref="I77:I78"/>
    <mergeCell ref="J77:L78"/>
    <mergeCell ref="M77:M78"/>
    <mergeCell ref="N77:P78"/>
  </mergeCells>
  <phoneticPr fontId="3"/>
  <dataValidations count="1">
    <dataValidation type="list" allowBlank="1" showInputMessage="1" showErrorMessage="1" sqref="A83 A78 A70 M9:M10 Q9:Q10 U9:U10 L11 M17 M12:M15 L16 L18:L20 L54 L57:L62 L76 L79:L81 L23:L42 M21:M22 M43:M44 M55:M56 M77:M78 M82:M84 O20 O32 L45:L52 O45:O46 L68:L74 O68:O69 Q21 Q43 M53 Q53 Q63 Q66 M75 Q75 Q82 O34 P35 O58 R58 D57:D58 D63:D64 D69:D71 D77:D78 D82:D83 D47:D49 D31 D15:D16 A15 A31 A47 A57 A64 M63:M67 I9:I84" xr:uid="{00000000-0002-0000-0600-000000000000}">
      <formula1>"□,■"</formula1>
    </dataValidation>
  </dataValidations>
  <printOptions horizontalCentered="1"/>
  <pageMargins left="0.23622047244094491" right="0.23622047244094491" top="0.74803149606299213" bottom="0.74803149606299213" header="0.31496062992125984" footer="0.31496062992125984"/>
  <pageSetup paperSize="9" scale="57" firstPageNumber="44" fitToHeight="0" orientation="landscape" cellComments="asDisplayed" r:id="rId1"/>
  <headerFooter alignWithMargins="0"/>
  <rowBreaks count="3" manualBreakCount="3">
    <brk id="20" max="20" man="1"/>
    <brk id="52" max="31" man="1"/>
    <brk id="74" max="20"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sheetPr>
    <pageSetUpPr fitToPage="1"/>
  </sheetPr>
  <dimension ref="A1:Q41"/>
  <sheetViews>
    <sheetView view="pageBreakPreview" zoomScaleNormal="100" zoomScaleSheetLayoutView="100" workbookViewId="0">
      <selection activeCell="B30" sqref="B30:G30"/>
    </sheetView>
  </sheetViews>
  <sheetFormatPr defaultRowHeight="20.25" customHeight="1" x14ac:dyDescent="0.15"/>
  <cols>
    <col min="1" max="1" width="2.375" style="196" customWidth="1"/>
    <col min="2" max="2" width="25" style="195" bestFit="1" customWidth="1"/>
    <col min="3" max="3" width="41.75" style="195" customWidth="1"/>
    <col min="4" max="4" width="15.25" style="195" customWidth="1"/>
    <col min="5" max="5" width="44.25" style="195" customWidth="1"/>
    <col min="6" max="6" width="42" style="195" customWidth="1"/>
    <col min="7" max="7" width="22.5" style="195" customWidth="1"/>
    <col min="8" max="12" width="5.375" style="195" customWidth="1"/>
    <col min="13" max="13" width="6.5" style="195" customWidth="1"/>
    <col min="14" max="17" width="5.375" style="195" customWidth="1"/>
    <col min="18" max="16384" width="9" style="195"/>
  </cols>
  <sheetData>
    <row r="1" spans="1:17" s="95" customFormat="1" ht="20.25" customHeight="1" x14ac:dyDescent="0.15">
      <c r="A1" s="94"/>
      <c r="B1" s="99" t="s">
        <v>28</v>
      </c>
      <c r="C1" s="96"/>
      <c r="D1" s="96"/>
      <c r="E1" s="96"/>
      <c r="F1" s="96"/>
      <c r="G1" s="96"/>
    </row>
    <row r="2" spans="1:17" ht="18.75" customHeight="1" x14ac:dyDescent="0.15">
      <c r="A2" s="111"/>
      <c r="B2" s="197"/>
      <c r="C2" s="197"/>
      <c r="D2" s="194"/>
      <c r="E2" s="194"/>
      <c r="F2" s="194"/>
      <c r="G2" s="88"/>
      <c r="H2" s="88"/>
      <c r="I2" s="88"/>
      <c r="J2" s="88"/>
      <c r="K2" s="88"/>
      <c r="L2" s="88"/>
      <c r="M2" s="88"/>
      <c r="N2" s="194"/>
      <c r="O2" s="194"/>
      <c r="P2" s="194"/>
      <c r="Q2" s="194"/>
    </row>
    <row r="3" spans="1:17" ht="31.5" customHeight="1" x14ac:dyDescent="0.15">
      <c r="A3" s="123"/>
      <c r="B3" s="304" t="s">
        <v>265</v>
      </c>
      <c r="C3" s="304"/>
      <c r="D3" s="304"/>
      <c r="E3" s="304"/>
      <c r="F3" s="304"/>
      <c r="G3" s="304"/>
      <c r="H3" s="87"/>
      <c r="I3" s="87"/>
      <c r="J3" s="87"/>
      <c r="L3" s="101"/>
      <c r="M3" s="101"/>
      <c r="N3" s="101"/>
      <c r="O3" s="101"/>
      <c r="P3" s="101"/>
      <c r="Q3" s="101"/>
    </row>
    <row r="4" spans="1:17" ht="20.25" customHeight="1" x14ac:dyDescent="0.15">
      <c r="A4" s="123"/>
      <c r="B4" s="89" t="s">
        <v>134</v>
      </c>
      <c r="C4" s="87"/>
      <c r="D4" s="87"/>
      <c r="E4" s="87"/>
      <c r="F4" s="87"/>
      <c r="G4" s="87"/>
      <c r="H4" s="87"/>
      <c r="I4" s="87"/>
      <c r="J4" s="87"/>
      <c r="K4" s="87"/>
      <c r="L4" s="101"/>
      <c r="M4" s="101"/>
      <c r="N4" s="101"/>
      <c r="O4" s="101"/>
      <c r="P4" s="101"/>
      <c r="Q4" s="101"/>
    </row>
    <row r="5" spans="1:17" ht="20.25" customHeight="1" x14ac:dyDescent="0.15">
      <c r="A5" s="123"/>
      <c r="B5" s="89" t="s">
        <v>135</v>
      </c>
      <c r="C5" s="87"/>
      <c r="D5" s="87"/>
      <c r="E5" s="87"/>
      <c r="F5" s="87"/>
      <c r="G5" s="87"/>
      <c r="H5" s="87"/>
      <c r="I5" s="87"/>
      <c r="J5" s="87"/>
      <c r="K5" s="87"/>
      <c r="L5" s="101"/>
      <c r="M5" s="101"/>
      <c r="N5" s="101"/>
      <c r="O5" s="101"/>
      <c r="P5" s="101"/>
      <c r="Q5" s="101"/>
    </row>
    <row r="6" spans="1:17" ht="20.25" customHeight="1" x14ac:dyDescent="0.15">
      <c r="A6" s="101"/>
      <c r="B6" s="89" t="s">
        <v>111</v>
      </c>
      <c r="C6" s="101"/>
      <c r="D6" s="101"/>
      <c r="E6" s="101"/>
      <c r="F6" s="101"/>
      <c r="G6" s="101"/>
      <c r="H6" s="101"/>
      <c r="I6" s="101"/>
      <c r="J6" s="101"/>
      <c r="K6" s="101"/>
      <c r="L6" s="101"/>
      <c r="M6" s="101"/>
      <c r="N6" s="101"/>
      <c r="O6" s="101"/>
      <c r="P6" s="101"/>
      <c r="Q6" s="101"/>
    </row>
    <row r="7" spans="1:17" ht="20.25" customHeight="1" x14ac:dyDescent="0.15">
      <c r="A7" s="101"/>
      <c r="B7" s="89" t="s">
        <v>152</v>
      </c>
      <c r="C7" s="101"/>
      <c r="D7" s="101"/>
      <c r="E7" s="101"/>
      <c r="F7" s="101"/>
      <c r="G7" s="101"/>
      <c r="H7" s="101"/>
      <c r="I7" s="101"/>
      <c r="J7" s="101"/>
      <c r="K7" s="101"/>
      <c r="L7" s="101"/>
      <c r="M7" s="101"/>
      <c r="N7" s="101"/>
      <c r="O7" s="101"/>
      <c r="P7" s="101"/>
      <c r="Q7" s="101"/>
    </row>
    <row r="8" spans="1:17" ht="20.25" customHeight="1" x14ac:dyDescent="0.15">
      <c r="A8" s="101"/>
      <c r="B8" s="89" t="s">
        <v>153</v>
      </c>
      <c r="C8" s="101"/>
      <c r="D8" s="101"/>
      <c r="E8" s="101"/>
      <c r="F8" s="101"/>
      <c r="G8" s="101"/>
      <c r="H8" s="101"/>
      <c r="I8" s="101"/>
      <c r="J8" s="101"/>
      <c r="K8" s="101"/>
      <c r="L8" s="101"/>
      <c r="M8" s="101"/>
      <c r="N8" s="101"/>
      <c r="O8" s="101"/>
      <c r="P8" s="101"/>
      <c r="Q8" s="101"/>
    </row>
    <row r="9" spans="1:17" ht="20.25" customHeight="1" x14ac:dyDescent="0.15">
      <c r="A9" s="101"/>
      <c r="B9" s="89" t="s">
        <v>255</v>
      </c>
      <c r="C9" s="101"/>
      <c r="D9" s="101"/>
      <c r="E9" s="101"/>
      <c r="F9" s="101"/>
      <c r="G9" s="101"/>
      <c r="H9" s="101"/>
      <c r="I9" s="101"/>
      <c r="J9" s="101"/>
      <c r="K9" s="101"/>
      <c r="L9" s="101"/>
      <c r="M9" s="101"/>
      <c r="N9" s="101"/>
      <c r="O9" s="101"/>
      <c r="P9" s="101"/>
      <c r="Q9" s="101"/>
    </row>
    <row r="10" spans="1:17" ht="20.25" customHeight="1" x14ac:dyDescent="0.15">
      <c r="A10" s="101"/>
      <c r="B10" s="89" t="s">
        <v>253</v>
      </c>
      <c r="C10" s="101"/>
      <c r="D10" s="101"/>
      <c r="E10" s="101"/>
      <c r="F10" s="101"/>
      <c r="G10" s="101"/>
      <c r="H10" s="101"/>
      <c r="I10" s="101"/>
      <c r="J10" s="101"/>
      <c r="K10" s="101"/>
      <c r="L10" s="101"/>
      <c r="M10" s="101"/>
      <c r="N10" s="101"/>
      <c r="O10" s="101"/>
      <c r="P10" s="101"/>
      <c r="Q10" s="101"/>
    </row>
    <row r="11" spans="1:17" ht="20.25" customHeight="1" x14ac:dyDescent="0.15">
      <c r="A11" s="101"/>
      <c r="B11" s="89" t="s">
        <v>256</v>
      </c>
      <c r="C11" s="101"/>
      <c r="D11" s="101"/>
      <c r="E11" s="101"/>
      <c r="F11" s="101"/>
      <c r="G11" s="101"/>
      <c r="H11" s="101"/>
      <c r="I11" s="101"/>
      <c r="J11" s="101"/>
      <c r="K11" s="101"/>
      <c r="L11" s="101"/>
      <c r="M11" s="101"/>
      <c r="N11" s="101"/>
      <c r="O11" s="101"/>
      <c r="P11" s="101"/>
      <c r="Q11" s="101"/>
    </row>
    <row r="12" spans="1:17" ht="20.25" customHeight="1" x14ac:dyDescent="0.15">
      <c r="A12" s="101"/>
      <c r="B12" s="89" t="s">
        <v>266</v>
      </c>
      <c r="C12" s="101"/>
      <c r="D12" s="101"/>
      <c r="E12" s="101"/>
      <c r="F12" s="101"/>
      <c r="G12" s="101"/>
      <c r="H12" s="101"/>
      <c r="I12" s="101"/>
      <c r="J12" s="101"/>
      <c r="K12" s="101"/>
      <c r="L12" s="101"/>
      <c r="M12" s="101"/>
      <c r="N12" s="101"/>
      <c r="O12" s="101"/>
      <c r="P12" s="101"/>
      <c r="Q12" s="101"/>
    </row>
    <row r="13" spans="1:17" ht="20.25" customHeight="1" x14ac:dyDescent="0.15">
      <c r="A13" s="101"/>
      <c r="B13" s="89" t="s">
        <v>168</v>
      </c>
      <c r="C13" s="101"/>
      <c r="D13" s="101"/>
      <c r="E13" s="101"/>
      <c r="F13" s="101"/>
      <c r="G13" s="101"/>
      <c r="H13" s="101"/>
      <c r="I13" s="101"/>
      <c r="J13" s="101"/>
      <c r="K13" s="101"/>
      <c r="L13" s="101"/>
      <c r="M13" s="101"/>
      <c r="N13" s="101"/>
      <c r="O13" s="101"/>
      <c r="P13" s="101"/>
      <c r="Q13" s="101"/>
    </row>
    <row r="14" spans="1:17" ht="20.25" customHeight="1" x14ac:dyDescent="0.15">
      <c r="A14" s="101"/>
      <c r="B14" s="89" t="s">
        <v>267</v>
      </c>
      <c r="C14" s="101"/>
      <c r="D14" s="101"/>
      <c r="E14" s="101"/>
      <c r="F14" s="101"/>
      <c r="G14" s="101"/>
      <c r="H14" s="101"/>
      <c r="I14" s="101"/>
      <c r="J14" s="101"/>
      <c r="K14" s="101"/>
      <c r="L14" s="101"/>
      <c r="M14" s="101"/>
      <c r="N14" s="101"/>
      <c r="O14" s="101"/>
      <c r="P14" s="101"/>
      <c r="Q14" s="101"/>
    </row>
    <row r="15" spans="1:17" ht="20.25" customHeight="1" x14ac:dyDescent="0.15">
      <c r="A15" s="101"/>
      <c r="B15" s="89" t="s">
        <v>257</v>
      </c>
      <c r="C15" s="101"/>
      <c r="D15" s="101"/>
      <c r="E15" s="101"/>
      <c r="F15" s="101"/>
      <c r="G15" s="101"/>
      <c r="H15" s="101"/>
      <c r="I15" s="101"/>
      <c r="J15" s="101"/>
      <c r="K15" s="101"/>
      <c r="L15" s="101"/>
      <c r="M15" s="101"/>
      <c r="N15" s="101"/>
      <c r="O15" s="101"/>
      <c r="P15" s="101"/>
      <c r="Q15" s="101"/>
    </row>
    <row r="16" spans="1:17" ht="20.25" customHeight="1" x14ac:dyDescent="0.15">
      <c r="A16" s="101"/>
      <c r="B16" s="89" t="s">
        <v>268</v>
      </c>
      <c r="C16" s="101"/>
      <c r="D16" s="101"/>
      <c r="E16" s="101"/>
      <c r="F16" s="101"/>
      <c r="G16" s="101"/>
      <c r="H16" s="101"/>
      <c r="I16" s="101"/>
      <c r="J16" s="101"/>
      <c r="K16" s="101"/>
      <c r="L16" s="101"/>
      <c r="M16" s="101"/>
      <c r="N16" s="101"/>
      <c r="O16" s="101"/>
      <c r="P16" s="101"/>
      <c r="Q16" s="101"/>
    </row>
    <row r="17" spans="1:17" ht="20.25" customHeight="1" x14ac:dyDescent="0.15">
      <c r="A17" s="101"/>
      <c r="B17" s="89" t="s">
        <v>262</v>
      </c>
      <c r="C17" s="101"/>
      <c r="D17" s="101"/>
      <c r="E17" s="101"/>
      <c r="F17" s="101"/>
      <c r="G17" s="101"/>
      <c r="H17" s="101"/>
      <c r="I17" s="101"/>
      <c r="J17" s="101"/>
      <c r="K17" s="101"/>
      <c r="L17" s="101"/>
      <c r="M17" s="101"/>
      <c r="N17" s="101"/>
      <c r="O17" s="101"/>
      <c r="P17" s="101"/>
      <c r="Q17" s="101"/>
    </row>
    <row r="18" spans="1:17" ht="20.25" customHeight="1" x14ac:dyDescent="0.15">
      <c r="A18" s="101"/>
      <c r="B18" s="89" t="s">
        <v>263</v>
      </c>
      <c r="C18" s="101"/>
      <c r="D18" s="101"/>
      <c r="E18" s="101"/>
      <c r="F18" s="101"/>
      <c r="G18" s="101"/>
      <c r="H18" s="101"/>
      <c r="I18" s="101"/>
      <c r="J18" s="101"/>
      <c r="K18" s="101"/>
      <c r="L18" s="101"/>
      <c r="M18" s="101"/>
      <c r="N18" s="101"/>
      <c r="O18" s="101"/>
      <c r="P18" s="101"/>
      <c r="Q18" s="101"/>
    </row>
    <row r="19" spans="1:17" ht="20.25" customHeight="1" x14ac:dyDescent="0.15">
      <c r="A19" s="101"/>
      <c r="B19" s="89" t="s">
        <v>269</v>
      </c>
      <c r="C19" s="101"/>
      <c r="D19" s="101"/>
      <c r="E19" s="101"/>
      <c r="F19" s="89"/>
      <c r="G19" s="89"/>
      <c r="H19" s="101"/>
      <c r="I19" s="101"/>
      <c r="J19" s="101"/>
      <c r="K19" s="101"/>
      <c r="L19" s="101"/>
      <c r="M19" s="101"/>
      <c r="N19" s="101"/>
      <c r="O19" s="101"/>
      <c r="P19" s="101"/>
      <c r="Q19" s="101"/>
    </row>
    <row r="20" spans="1:17" s="90" customFormat="1" ht="19.5" customHeight="1" x14ac:dyDescent="0.15">
      <c r="A20" s="98"/>
      <c r="B20" s="89" t="s">
        <v>270</v>
      </c>
    </row>
    <row r="21" spans="1:17" s="90" customFormat="1" ht="19.5" customHeight="1" x14ac:dyDescent="0.15">
      <c r="A21" s="98"/>
      <c r="B21" s="89" t="s">
        <v>271</v>
      </c>
    </row>
    <row r="22" spans="1:17" s="90" customFormat="1" ht="19.5" customHeight="1" x14ac:dyDescent="0.15">
      <c r="A22" s="98"/>
      <c r="B22" s="89" t="s">
        <v>264</v>
      </c>
      <c r="K22" s="95"/>
      <c r="L22" s="95"/>
      <c r="M22" s="95"/>
      <c r="N22" s="95"/>
    </row>
    <row r="23" spans="1:17" s="90" customFormat="1" ht="19.5" customHeight="1" x14ac:dyDescent="0.15">
      <c r="A23" s="98"/>
      <c r="B23" s="89" t="s">
        <v>258</v>
      </c>
      <c r="K23" s="95"/>
    </row>
    <row r="24" spans="1:17" s="90" customFormat="1" ht="19.5" customHeight="1" x14ac:dyDescent="0.15">
      <c r="A24" s="98"/>
      <c r="B24" s="89" t="s">
        <v>259</v>
      </c>
      <c r="K24" s="95"/>
    </row>
    <row r="25" spans="1:17" s="90" customFormat="1" ht="19.5" customHeight="1" x14ac:dyDescent="0.15">
      <c r="A25" s="98"/>
      <c r="B25" s="89" t="s">
        <v>272</v>
      </c>
    </row>
    <row r="26" spans="1:17" s="90" customFormat="1" ht="19.5" customHeight="1" x14ac:dyDescent="0.15">
      <c r="A26" s="98"/>
      <c r="B26" s="89" t="s">
        <v>260</v>
      </c>
    </row>
    <row r="27" spans="1:17" s="90" customFormat="1" ht="19.5" customHeight="1" x14ac:dyDescent="0.15">
      <c r="A27" s="98"/>
      <c r="B27" s="89" t="s">
        <v>261</v>
      </c>
    </row>
    <row r="28" spans="1:17" ht="20.25" customHeight="1" x14ac:dyDescent="0.15">
      <c r="A28" s="195"/>
      <c r="B28" s="89" t="s">
        <v>273</v>
      </c>
      <c r="C28" s="101"/>
      <c r="D28" s="101"/>
      <c r="E28" s="101"/>
      <c r="F28" s="101"/>
      <c r="G28" s="101"/>
      <c r="H28" s="101"/>
      <c r="I28" s="101"/>
      <c r="J28" s="101"/>
      <c r="K28" s="101"/>
    </row>
    <row r="29" spans="1:17" ht="19.5" customHeight="1" x14ac:dyDescent="0.15">
      <c r="A29" s="195"/>
      <c r="B29" s="89" t="s">
        <v>0</v>
      </c>
      <c r="C29" s="101"/>
      <c r="D29" s="101"/>
      <c r="E29" s="101"/>
      <c r="F29" s="101"/>
      <c r="G29" s="101"/>
      <c r="H29" s="101"/>
      <c r="I29" s="101"/>
      <c r="J29" s="101"/>
      <c r="K29" s="101"/>
    </row>
    <row r="30" spans="1:17" s="93" customFormat="1" ht="20.25" customHeight="1" x14ac:dyDescent="0.15">
      <c r="B30" s="305" t="s">
        <v>274</v>
      </c>
      <c r="C30" s="305"/>
      <c r="D30" s="305"/>
      <c r="E30" s="305"/>
      <c r="F30" s="305"/>
      <c r="G30" s="305"/>
    </row>
    <row r="31" spans="1:17" s="93" customFormat="1" ht="20.25" customHeight="1" x14ac:dyDescent="0.15">
      <c r="B31" s="89" t="s">
        <v>275</v>
      </c>
      <c r="C31" s="90"/>
      <c r="D31" s="90"/>
      <c r="E31" s="90"/>
    </row>
    <row r="32" spans="1:17" s="93" customFormat="1" ht="20.25" customHeight="1" x14ac:dyDescent="0.15">
      <c r="B32" s="89" t="s">
        <v>276</v>
      </c>
      <c r="C32" s="90"/>
      <c r="D32" s="90"/>
      <c r="E32" s="90"/>
    </row>
    <row r="33" spans="1:11" s="93" customFormat="1" ht="20.25" customHeight="1" x14ac:dyDescent="0.15">
      <c r="B33" s="89" t="s">
        <v>277</v>
      </c>
      <c r="C33" s="90"/>
      <c r="D33" s="90"/>
      <c r="E33" s="90"/>
    </row>
    <row r="34" spans="1:11" s="93" customFormat="1" ht="20.25" customHeight="1" x14ac:dyDescent="0.15">
      <c r="B34" s="89" t="s">
        <v>174</v>
      </c>
      <c r="C34" s="90"/>
      <c r="D34" s="90"/>
      <c r="E34" s="90"/>
    </row>
    <row r="35" spans="1:11" s="93" customFormat="1" ht="20.25" customHeight="1" x14ac:dyDescent="0.15">
      <c r="B35" s="305" t="s">
        <v>278</v>
      </c>
      <c r="C35" s="305"/>
      <c r="D35" s="305"/>
      <c r="E35" s="305"/>
      <c r="F35" s="305"/>
      <c r="G35" s="305"/>
    </row>
    <row r="36" spans="1:11" s="95" customFormat="1" ht="20.25" customHeight="1" x14ac:dyDescent="0.15">
      <c r="A36" s="100"/>
      <c r="B36" s="89" t="s">
        <v>59</v>
      </c>
      <c r="C36" s="101"/>
      <c r="D36" s="101"/>
      <c r="E36" s="101"/>
    </row>
    <row r="37" spans="1:11" ht="20.25" customHeight="1" x14ac:dyDescent="0.15">
      <c r="B37" s="89"/>
      <c r="C37" s="101"/>
      <c r="D37" s="101"/>
      <c r="E37" s="101"/>
    </row>
    <row r="38" spans="1:11" ht="20.25" customHeight="1" x14ac:dyDescent="0.15">
      <c r="A38" s="123"/>
      <c r="F38" s="87"/>
      <c r="G38" s="87"/>
      <c r="H38" s="87"/>
      <c r="I38" s="87"/>
      <c r="J38" s="87"/>
      <c r="K38" s="87"/>
    </row>
    <row r="39" spans="1:11" ht="20.25" customHeight="1" x14ac:dyDescent="0.15">
      <c r="B39" s="99" t="s">
        <v>29</v>
      </c>
      <c r="C39" s="95"/>
      <c r="D39" s="95"/>
      <c r="E39" s="95"/>
    </row>
    <row r="41" spans="1:11" ht="20.25" customHeight="1" x14ac:dyDescent="0.15">
      <c r="B41" s="112" t="s">
        <v>100</v>
      </c>
      <c r="C41" s="87"/>
      <c r="D41" s="87"/>
      <c r="E41" s="87"/>
    </row>
  </sheetData>
  <mergeCells count="3">
    <mergeCell ref="B3:G3"/>
    <mergeCell ref="B30:G30"/>
    <mergeCell ref="B35:G35"/>
  </mergeCells>
  <phoneticPr fontId="3"/>
  <printOptions horizontalCentered="1"/>
  <pageMargins left="0.23622047244094491" right="0.23622047244094491" top="0.74803149606299213" bottom="0.74803149606299213" header="0.31496062992125984" footer="0.31496062992125984"/>
  <pageSetup paperSize="9" scale="71" fitToHeight="0" orientation="landscape" cellComments="asDisplayed" r:id="rId1"/>
  <headerFooter alignWithMargins="0"/>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sheetPr codeName="Sheet19">
    <tabColor indexed="13"/>
  </sheetPr>
  <dimension ref="B1:AO130"/>
  <sheetViews>
    <sheetView zoomScaleNormal="100" workbookViewId="0"/>
  </sheetViews>
  <sheetFormatPr defaultRowHeight="13.5" x14ac:dyDescent="0.15"/>
  <cols>
    <col min="1" max="1" width="3.125" style="3" customWidth="1"/>
    <col min="2" max="2" width="4.25" style="3" customWidth="1"/>
    <col min="3" max="3" width="3.375" style="3" customWidth="1"/>
    <col min="4" max="4" width="0.5" style="3" customWidth="1"/>
    <col min="5" max="39" width="3.125" style="3" customWidth="1"/>
    <col min="40" max="40" width="9" style="14"/>
    <col min="41" max="16384" width="9" style="3"/>
  </cols>
  <sheetData>
    <row r="1" spans="2:40" s="2" customFormat="1" x14ac:dyDescent="0.15">
      <c r="AN1" s="1"/>
    </row>
    <row r="2" spans="2:40" s="2" customFormat="1" x14ac:dyDescent="0.15">
      <c r="B2" s="1" t="s">
        <v>123</v>
      </c>
      <c r="C2" s="1"/>
      <c r="D2" s="1"/>
      <c r="E2" s="1"/>
      <c r="F2" s="1"/>
      <c r="G2" s="1"/>
      <c r="H2" s="1"/>
      <c r="I2" s="1"/>
      <c r="J2" s="1"/>
      <c r="K2" s="1"/>
      <c r="L2" s="1"/>
      <c r="M2" s="1"/>
      <c r="N2" s="1"/>
      <c r="O2" s="1"/>
      <c r="P2" s="1"/>
      <c r="Q2" s="1"/>
      <c r="R2" s="1"/>
      <c r="S2" s="1"/>
      <c r="T2" s="1"/>
      <c r="U2" s="1"/>
      <c r="V2" s="1"/>
      <c r="W2" s="1"/>
      <c r="X2" s="1"/>
      <c r="Y2" s="1"/>
      <c r="Z2" s="1"/>
      <c r="AA2" s="1"/>
      <c r="AB2" s="1"/>
      <c r="AC2" s="1"/>
      <c r="AD2" s="1"/>
      <c r="AE2" s="1"/>
      <c r="AF2" s="1"/>
    </row>
    <row r="3" spans="2:40" s="2" customFormat="1" ht="14.25" customHeight="1" x14ac:dyDescent="0.15">
      <c r="Z3" s="306" t="s">
        <v>75</v>
      </c>
      <c r="AA3" s="307"/>
      <c r="AB3" s="307"/>
      <c r="AC3" s="307"/>
      <c r="AD3" s="308"/>
      <c r="AE3" s="279"/>
      <c r="AF3" s="280"/>
      <c r="AG3" s="280"/>
      <c r="AH3" s="280"/>
      <c r="AI3" s="280"/>
      <c r="AJ3" s="280"/>
      <c r="AK3" s="280"/>
      <c r="AL3" s="281"/>
      <c r="AM3" s="20"/>
      <c r="AN3" s="1"/>
    </row>
    <row r="4" spans="2:40" s="2" customFormat="1" x14ac:dyDescent="0.15">
      <c r="AN4" s="21"/>
    </row>
    <row r="5" spans="2:40" s="2" customFormat="1" x14ac:dyDescent="0.15">
      <c r="B5" s="402" t="s">
        <v>45</v>
      </c>
      <c r="C5" s="402"/>
      <c r="D5" s="402"/>
      <c r="E5" s="402"/>
      <c r="F5" s="402"/>
      <c r="G5" s="402"/>
      <c r="H5" s="402"/>
      <c r="I5" s="402"/>
      <c r="J5" s="402"/>
      <c r="K5" s="402"/>
      <c r="L5" s="402"/>
      <c r="M5" s="402"/>
      <c r="N5" s="402"/>
      <c r="O5" s="402"/>
      <c r="P5" s="402"/>
      <c r="Q5" s="402"/>
      <c r="R5" s="402"/>
      <c r="S5" s="402"/>
      <c r="T5" s="402"/>
      <c r="U5" s="402"/>
      <c r="V5" s="402"/>
      <c r="W5" s="402"/>
      <c r="X5" s="402"/>
      <c r="Y5" s="402"/>
      <c r="Z5" s="402"/>
      <c r="AA5" s="402"/>
      <c r="AB5" s="402"/>
      <c r="AC5" s="402"/>
      <c r="AD5" s="402"/>
      <c r="AE5" s="402"/>
      <c r="AF5" s="402"/>
      <c r="AG5" s="402"/>
      <c r="AH5" s="402"/>
      <c r="AI5" s="402"/>
      <c r="AJ5" s="402"/>
      <c r="AK5" s="402"/>
      <c r="AL5" s="402"/>
    </row>
    <row r="6" spans="2:40" s="2" customFormat="1" ht="13.5" customHeight="1" x14ac:dyDescent="0.15">
      <c r="AC6" s="1"/>
      <c r="AD6" s="45"/>
      <c r="AE6" s="45" t="s">
        <v>32</v>
      </c>
      <c r="AH6" s="2" t="s">
        <v>38</v>
      </c>
      <c r="AJ6" s="2" t="s">
        <v>34</v>
      </c>
      <c r="AL6" s="2" t="s">
        <v>33</v>
      </c>
    </row>
    <row r="7" spans="2:40" s="2" customFormat="1" x14ac:dyDescent="0.15">
      <c r="B7" s="402" t="s">
        <v>76</v>
      </c>
      <c r="C7" s="402"/>
      <c r="D7" s="402"/>
      <c r="E7" s="402"/>
      <c r="F7" s="402"/>
      <c r="G7" s="402"/>
      <c r="H7" s="402"/>
      <c r="I7" s="402"/>
      <c r="J7" s="402"/>
      <c r="K7" s="12"/>
      <c r="L7" s="12"/>
      <c r="M7" s="12"/>
      <c r="N7" s="12"/>
      <c r="O7" s="12"/>
      <c r="P7" s="12"/>
      <c r="Q7" s="12"/>
      <c r="R7" s="12"/>
      <c r="S7" s="12"/>
      <c r="T7" s="12"/>
    </row>
    <row r="8" spans="2:40" s="2" customFormat="1" x14ac:dyDescent="0.15">
      <c r="AC8" s="1" t="s">
        <v>67</v>
      </c>
    </row>
    <row r="9" spans="2:40" s="2" customFormat="1" x14ac:dyDescent="0.15">
      <c r="C9" s="1" t="s">
        <v>46</v>
      </c>
      <c r="D9" s="1"/>
    </row>
    <row r="10" spans="2:40" s="2" customFormat="1" ht="6.75" customHeight="1" x14ac:dyDescent="0.15">
      <c r="C10" s="1"/>
      <c r="D10" s="1"/>
    </row>
    <row r="11" spans="2:40" s="2" customFormat="1" ht="14.25" customHeight="1" x14ac:dyDescent="0.15">
      <c r="B11" s="313" t="s">
        <v>77</v>
      </c>
      <c r="C11" s="388" t="s">
        <v>9</v>
      </c>
      <c r="D11" s="389"/>
      <c r="E11" s="389"/>
      <c r="F11" s="389"/>
      <c r="G11" s="389"/>
      <c r="H11" s="389"/>
      <c r="I11" s="389"/>
      <c r="J11" s="389"/>
      <c r="K11" s="403"/>
      <c r="L11" s="41"/>
      <c r="M11" s="22"/>
      <c r="N11" s="22"/>
      <c r="O11" s="22"/>
      <c r="P11" s="22"/>
      <c r="Q11" s="22"/>
      <c r="R11" s="22"/>
      <c r="S11" s="22"/>
      <c r="T11" s="22"/>
      <c r="U11" s="22"/>
      <c r="V11" s="22"/>
      <c r="W11" s="22"/>
      <c r="X11" s="22"/>
      <c r="Y11" s="22"/>
      <c r="Z11" s="22"/>
      <c r="AA11" s="22"/>
      <c r="AB11" s="22"/>
      <c r="AC11" s="22"/>
      <c r="AD11" s="22"/>
      <c r="AE11" s="22"/>
      <c r="AF11" s="22"/>
      <c r="AG11" s="22"/>
      <c r="AH11" s="22"/>
      <c r="AI11" s="22"/>
      <c r="AJ11" s="22"/>
      <c r="AK11" s="22"/>
      <c r="AL11" s="23"/>
    </row>
    <row r="12" spans="2:40" s="2" customFormat="1" ht="14.25" customHeight="1" x14ac:dyDescent="0.15">
      <c r="B12" s="314"/>
      <c r="C12" s="391" t="s">
        <v>78</v>
      </c>
      <c r="D12" s="392"/>
      <c r="E12" s="392"/>
      <c r="F12" s="392"/>
      <c r="G12" s="392"/>
      <c r="H12" s="392"/>
      <c r="I12" s="392"/>
      <c r="J12" s="392"/>
      <c r="K12" s="392"/>
      <c r="L12" s="42"/>
      <c r="M12" s="43"/>
      <c r="N12" s="43"/>
      <c r="O12" s="43"/>
      <c r="P12" s="43"/>
      <c r="Q12" s="43"/>
      <c r="R12" s="43"/>
      <c r="S12" s="43"/>
      <c r="T12" s="43"/>
      <c r="U12" s="43"/>
      <c r="V12" s="43"/>
      <c r="W12" s="43"/>
      <c r="X12" s="43"/>
      <c r="Y12" s="43"/>
      <c r="Z12" s="43"/>
      <c r="AA12" s="43"/>
      <c r="AB12" s="43"/>
      <c r="AC12" s="43"/>
      <c r="AD12" s="43"/>
      <c r="AE12" s="43"/>
      <c r="AF12" s="43"/>
      <c r="AG12" s="43"/>
      <c r="AH12" s="43"/>
      <c r="AI12" s="43"/>
      <c r="AJ12" s="43"/>
      <c r="AK12" s="43"/>
      <c r="AL12" s="44"/>
    </row>
    <row r="13" spans="2:40" s="2" customFormat="1" ht="13.5" customHeight="1" x14ac:dyDescent="0.15">
      <c r="B13" s="314"/>
      <c r="C13" s="388" t="s">
        <v>10</v>
      </c>
      <c r="D13" s="389"/>
      <c r="E13" s="389"/>
      <c r="F13" s="389"/>
      <c r="G13" s="389"/>
      <c r="H13" s="389"/>
      <c r="I13" s="389"/>
      <c r="J13" s="389"/>
      <c r="K13" s="390"/>
      <c r="L13" s="371" t="s">
        <v>79</v>
      </c>
      <c r="M13" s="372"/>
      <c r="N13" s="372"/>
      <c r="O13" s="372"/>
      <c r="P13" s="372"/>
      <c r="Q13" s="372"/>
      <c r="R13" s="372"/>
      <c r="S13" s="372"/>
      <c r="T13" s="372"/>
      <c r="U13" s="372"/>
      <c r="V13" s="372"/>
      <c r="W13" s="372"/>
      <c r="X13" s="372"/>
      <c r="Y13" s="372"/>
      <c r="Z13" s="372"/>
      <c r="AA13" s="372"/>
      <c r="AB13" s="372"/>
      <c r="AC13" s="372"/>
      <c r="AD13" s="372"/>
      <c r="AE13" s="372"/>
      <c r="AF13" s="372"/>
      <c r="AG13" s="372"/>
      <c r="AH13" s="372"/>
      <c r="AI13" s="372"/>
      <c r="AJ13" s="372"/>
      <c r="AK13" s="372"/>
      <c r="AL13" s="373"/>
    </row>
    <row r="14" spans="2:40" s="2" customFormat="1" x14ac:dyDescent="0.15">
      <c r="B14" s="314"/>
      <c r="C14" s="391"/>
      <c r="D14" s="392"/>
      <c r="E14" s="392"/>
      <c r="F14" s="392"/>
      <c r="G14" s="392"/>
      <c r="H14" s="392"/>
      <c r="I14" s="392"/>
      <c r="J14" s="392"/>
      <c r="K14" s="393"/>
      <c r="L14" s="374" t="s">
        <v>80</v>
      </c>
      <c r="M14" s="375"/>
      <c r="N14" s="375"/>
      <c r="O14" s="375"/>
      <c r="P14" s="375"/>
      <c r="Q14" s="375"/>
      <c r="R14" s="375"/>
      <c r="S14" s="375"/>
      <c r="T14" s="375"/>
      <c r="U14" s="375"/>
      <c r="V14" s="375"/>
      <c r="W14" s="375"/>
      <c r="X14" s="375"/>
      <c r="Y14" s="375"/>
      <c r="Z14" s="375"/>
      <c r="AA14" s="375"/>
      <c r="AB14" s="375"/>
      <c r="AC14" s="375"/>
      <c r="AD14" s="375"/>
      <c r="AE14" s="375"/>
      <c r="AF14" s="375"/>
      <c r="AG14" s="375"/>
      <c r="AH14" s="375"/>
      <c r="AI14" s="375"/>
      <c r="AJ14" s="375"/>
      <c r="AK14" s="375"/>
      <c r="AL14" s="376"/>
    </row>
    <row r="15" spans="2:40" s="2" customFormat="1" x14ac:dyDescent="0.15">
      <c r="B15" s="314"/>
      <c r="C15" s="394"/>
      <c r="D15" s="395"/>
      <c r="E15" s="395"/>
      <c r="F15" s="395"/>
      <c r="G15" s="395"/>
      <c r="H15" s="395"/>
      <c r="I15" s="395"/>
      <c r="J15" s="395"/>
      <c r="K15" s="396"/>
      <c r="L15" s="404" t="s">
        <v>81</v>
      </c>
      <c r="M15" s="379"/>
      <c r="N15" s="379"/>
      <c r="O15" s="379"/>
      <c r="P15" s="379"/>
      <c r="Q15" s="379"/>
      <c r="R15" s="379"/>
      <c r="S15" s="379"/>
      <c r="T15" s="379"/>
      <c r="U15" s="379"/>
      <c r="V15" s="379"/>
      <c r="W15" s="379"/>
      <c r="X15" s="379"/>
      <c r="Y15" s="379"/>
      <c r="Z15" s="379"/>
      <c r="AA15" s="379"/>
      <c r="AB15" s="379"/>
      <c r="AC15" s="379"/>
      <c r="AD15" s="379"/>
      <c r="AE15" s="379"/>
      <c r="AF15" s="379"/>
      <c r="AG15" s="379"/>
      <c r="AH15" s="379"/>
      <c r="AI15" s="379"/>
      <c r="AJ15" s="379"/>
      <c r="AK15" s="379"/>
      <c r="AL15" s="380"/>
    </row>
    <row r="16" spans="2:40" s="2" customFormat="1" ht="14.25" customHeight="1" x14ac:dyDescent="0.15">
      <c r="B16" s="314"/>
      <c r="C16" s="405" t="s">
        <v>82</v>
      </c>
      <c r="D16" s="406"/>
      <c r="E16" s="406"/>
      <c r="F16" s="406"/>
      <c r="G16" s="406"/>
      <c r="H16" s="406"/>
      <c r="I16" s="406"/>
      <c r="J16" s="406"/>
      <c r="K16" s="407"/>
      <c r="L16" s="306" t="s">
        <v>11</v>
      </c>
      <c r="M16" s="307"/>
      <c r="N16" s="307"/>
      <c r="O16" s="307"/>
      <c r="P16" s="308"/>
      <c r="Q16" s="24"/>
      <c r="R16" s="25"/>
      <c r="S16" s="25"/>
      <c r="T16" s="25"/>
      <c r="U16" s="25"/>
      <c r="V16" s="25"/>
      <c r="W16" s="25"/>
      <c r="X16" s="25"/>
      <c r="Y16" s="26"/>
      <c r="Z16" s="382" t="s">
        <v>12</v>
      </c>
      <c r="AA16" s="383"/>
      <c r="AB16" s="383"/>
      <c r="AC16" s="383"/>
      <c r="AD16" s="384"/>
      <c r="AE16" s="28"/>
      <c r="AF16" s="32"/>
      <c r="AG16" s="22"/>
      <c r="AH16" s="22"/>
      <c r="AI16" s="22"/>
      <c r="AJ16" s="372"/>
      <c r="AK16" s="372"/>
      <c r="AL16" s="373"/>
    </row>
    <row r="17" spans="2:40" ht="14.25" customHeight="1" x14ac:dyDescent="0.15">
      <c r="B17" s="314"/>
      <c r="C17" s="398" t="s">
        <v>57</v>
      </c>
      <c r="D17" s="399"/>
      <c r="E17" s="399"/>
      <c r="F17" s="399"/>
      <c r="G17" s="399"/>
      <c r="H17" s="399"/>
      <c r="I17" s="399"/>
      <c r="J17" s="399"/>
      <c r="K17" s="400"/>
      <c r="L17" s="27"/>
      <c r="M17" s="27"/>
      <c r="N17" s="27"/>
      <c r="O17" s="27"/>
      <c r="P17" s="27"/>
      <c r="Q17" s="27"/>
      <c r="R17" s="27"/>
      <c r="S17" s="27"/>
      <c r="U17" s="306" t="s">
        <v>13</v>
      </c>
      <c r="V17" s="307"/>
      <c r="W17" s="307"/>
      <c r="X17" s="307"/>
      <c r="Y17" s="308"/>
      <c r="Z17" s="18"/>
      <c r="AA17" s="19"/>
      <c r="AB17" s="19"/>
      <c r="AC17" s="19"/>
      <c r="AD17" s="19"/>
      <c r="AE17" s="401"/>
      <c r="AF17" s="401"/>
      <c r="AG17" s="401"/>
      <c r="AH17" s="401"/>
      <c r="AI17" s="401"/>
      <c r="AJ17" s="401"/>
      <c r="AK17" s="401"/>
      <c r="AL17" s="17"/>
      <c r="AN17" s="3"/>
    </row>
    <row r="18" spans="2:40" ht="14.25" customHeight="1" x14ac:dyDescent="0.15">
      <c r="B18" s="314"/>
      <c r="C18" s="309" t="s">
        <v>14</v>
      </c>
      <c r="D18" s="309"/>
      <c r="E18" s="309"/>
      <c r="F18" s="309"/>
      <c r="G18" s="309"/>
      <c r="H18" s="408"/>
      <c r="I18" s="408"/>
      <c r="J18" s="408"/>
      <c r="K18" s="409"/>
      <c r="L18" s="306" t="s">
        <v>15</v>
      </c>
      <c r="M18" s="307"/>
      <c r="N18" s="307"/>
      <c r="O18" s="307"/>
      <c r="P18" s="308"/>
      <c r="Q18" s="29"/>
      <c r="R18" s="30"/>
      <c r="S18" s="30"/>
      <c r="T18" s="30"/>
      <c r="U18" s="30"/>
      <c r="V18" s="30"/>
      <c r="W18" s="30"/>
      <c r="X18" s="30"/>
      <c r="Y18" s="31"/>
      <c r="Z18" s="317" t="s">
        <v>16</v>
      </c>
      <c r="AA18" s="317"/>
      <c r="AB18" s="317"/>
      <c r="AC18" s="317"/>
      <c r="AD18" s="318"/>
      <c r="AE18" s="15"/>
      <c r="AF18" s="16"/>
      <c r="AG18" s="16"/>
      <c r="AH18" s="16"/>
      <c r="AI18" s="16"/>
      <c r="AJ18" s="16"/>
      <c r="AK18" s="16"/>
      <c r="AL18" s="17"/>
      <c r="AN18" s="3"/>
    </row>
    <row r="19" spans="2:40" ht="13.5" customHeight="1" x14ac:dyDescent="0.15">
      <c r="B19" s="314"/>
      <c r="C19" s="369" t="s">
        <v>17</v>
      </c>
      <c r="D19" s="369"/>
      <c r="E19" s="369"/>
      <c r="F19" s="369"/>
      <c r="G19" s="369"/>
      <c r="H19" s="385"/>
      <c r="I19" s="385"/>
      <c r="J19" s="385"/>
      <c r="K19" s="385"/>
      <c r="L19" s="371" t="s">
        <v>79</v>
      </c>
      <c r="M19" s="372"/>
      <c r="N19" s="372"/>
      <c r="O19" s="372"/>
      <c r="P19" s="372"/>
      <c r="Q19" s="372"/>
      <c r="R19" s="372"/>
      <c r="S19" s="372"/>
      <c r="T19" s="372"/>
      <c r="U19" s="372"/>
      <c r="V19" s="372"/>
      <c r="W19" s="372"/>
      <c r="X19" s="372"/>
      <c r="Y19" s="372"/>
      <c r="Z19" s="372"/>
      <c r="AA19" s="372"/>
      <c r="AB19" s="372"/>
      <c r="AC19" s="372"/>
      <c r="AD19" s="372"/>
      <c r="AE19" s="372"/>
      <c r="AF19" s="372"/>
      <c r="AG19" s="372"/>
      <c r="AH19" s="372"/>
      <c r="AI19" s="372"/>
      <c r="AJ19" s="372"/>
      <c r="AK19" s="372"/>
      <c r="AL19" s="373"/>
      <c r="AN19" s="3"/>
    </row>
    <row r="20" spans="2:40" ht="14.25" customHeight="1" x14ac:dyDescent="0.15">
      <c r="B20" s="314"/>
      <c r="C20" s="369"/>
      <c r="D20" s="369"/>
      <c r="E20" s="369"/>
      <c r="F20" s="369"/>
      <c r="G20" s="369"/>
      <c r="H20" s="385"/>
      <c r="I20" s="385"/>
      <c r="J20" s="385"/>
      <c r="K20" s="385"/>
      <c r="L20" s="374" t="s">
        <v>80</v>
      </c>
      <c r="M20" s="375"/>
      <c r="N20" s="375"/>
      <c r="O20" s="375"/>
      <c r="P20" s="375"/>
      <c r="Q20" s="375"/>
      <c r="R20" s="375"/>
      <c r="S20" s="375"/>
      <c r="T20" s="375"/>
      <c r="U20" s="375"/>
      <c r="V20" s="375"/>
      <c r="W20" s="375"/>
      <c r="X20" s="375"/>
      <c r="Y20" s="375"/>
      <c r="Z20" s="375"/>
      <c r="AA20" s="375"/>
      <c r="AB20" s="375"/>
      <c r="AC20" s="375"/>
      <c r="AD20" s="375"/>
      <c r="AE20" s="375"/>
      <c r="AF20" s="375"/>
      <c r="AG20" s="375"/>
      <c r="AH20" s="375"/>
      <c r="AI20" s="375"/>
      <c r="AJ20" s="375"/>
      <c r="AK20" s="375"/>
      <c r="AL20" s="376"/>
      <c r="AN20" s="3"/>
    </row>
    <row r="21" spans="2:40" x14ac:dyDescent="0.15">
      <c r="B21" s="315"/>
      <c r="C21" s="386"/>
      <c r="D21" s="386"/>
      <c r="E21" s="386"/>
      <c r="F21" s="386"/>
      <c r="G21" s="386"/>
      <c r="H21" s="387"/>
      <c r="I21" s="387"/>
      <c r="J21" s="387"/>
      <c r="K21" s="387"/>
      <c r="L21" s="377"/>
      <c r="M21" s="378"/>
      <c r="N21" s="378"/>
      <c r="O21" s="378"/>
      <c r="P21" s="378"/>
      <c r="Q21" s="378"/>
      <c r="R21" s="378"/>
      <c r="S21" s="378"/>
      <c r="T21" s="378"/>
      <c r="U21" s="378"/>
      <c r="V21" s="378"/>
      <c r="W21" s="378"/>
      <c r="X21" s="378"/>
      <c r="Y21" s="378"/>
      <c r="Z21" s="378"/>
      <c r="AA21" s="378"/>
      <c r="AB21" s="378"/>
      <c r="AC21" s="378"/>
      <c r="AD21" s="378"/>
      <c r="AE21" s="378"/>
      <c r="AF21" s="378"/>
      <c r="AG21" s="378"/>
      <c r="AH21" s="378"/>
      <c r="AI21" s="378"/>
      <c r="AJ21" s="378"/>
      <c r="AK21" s="378"/>
      <c r="AL21" s="381"/>
      <c r="AN21" s="3"/>
    </row>
    <row r="22" spans="2:40" ht="13.5" customHeight="1" x14ac:dyDescent="0.15">
      <c r="B22" s="333" t="s">
        <v>83</v>
      </c>
      <c r="C22" s="388" t="s">
        <v>116</v>
      </c>
      <c r="D22" s="389"/>
      <c r="E22" s="389"/>
      <c r="F22" s="389"/>
      <c r="G22" s="389"/>
      <c r="H22" s="389"/>
      <c r="I22" s="389"/>
      <c r="J22" s="389"/>
      <c r="K22" s="390"/>
      <c r="L22" s="371" t="s">
        <v>79</v>
      </c>
      <c r="M22" s="372"/>
      <c r="N22" s="372"/>
      <c r="O22" s="372"/>
      <c r="P22" s="372"/>
      <c r="Q22" s="372"/>
      <c r="R22" s="372"/>
      <c r="S22" s="372"/>
      <c r="T22" s="372"/>
      <c r="U22" s="372"/>
      <c r="V22" s="372"/>
      <c r="W22" s="372"/>
      <c r="X22" s="372"/>
      <c r="Y22" s="372"/>
      <c r="Z22" s="372"/>
      <c r="AA22" s="372"/>
      <c r="AB22" s="372"/>
      <c r="AC22" s="372"/>
      <c r="AD22" s="372"/>
      <c r="AE22" s="372"/>
      <c r="AF22" s="372"/>
      <c r="AG22" s="372"/>
      <c r="AH22" s="372"/>
      <c r="AI22" s="372"/>
      <c r="AJ22" s="372"/>
      <c r="AK22" s="372"/>
      <c r="AL22" s="373"/>
      <c r="AN22" s="3"/>
    </row>
    <row r="23" spans="2:40" ht="14.25" customHeight="1" x14ac:dyDescent="0.15">
      <c r="B23" s="334"/>
      <c r="C23" s="391"/>
      <c r="D23" s="392"/>
      <c r="E23" s="392"/>
      <c r="F23" s="392"/>
      <c r="G23" s="392"/>
      <c r="H23" s="392"/>
      <c r="I23" s="392"/>
      <c r="J23" s="392"/>
      <c r="K23" s="393"/>
      <c r="L23" s="374" t="s">
        <v>80</v>
      </c>
      <c r="M23" s="375"/>
      <c r="N23" s="375"/>
      <c r="O23" s="375"/>
      <c r="P23" s="375"/>
      <c r="Q23" s="375"/>
      <c r="R23" s="375"/>
      <c r="S23" s="375"/>
      <c r="T23" s="375"/>
      <c r="U23" s="375"/>
      <c r="V23" s="375"/>
      <c r="W23" s="375"/>
      <c r="X23" s="375"/>
      <c r="Y23" s="375"/>
      <c r="Z23" s="375"/>
      <c r="AA23" s="375"/>
      <c r="AB23" s="375"/>
      <c r="AC23" s="375"/>
      <c r="AD23" s="375"/>
      <c r="AE23" s="375"/>
      <c r="AF23" s="375"/>
      <c r="AG23" s="375"/>
      <c r="AH23" s="375"/>
      <c r="AI23" s="375"/>
      <c r="AJ23" s="375"/>
      <c r="AK23" s="375"/>
      <c r="AL23" s="376"/>
      <c r="AN23" s="3"/>
    </row>
    <row r="24" spans="2:40" x14ac:dyDescent="0.15">
      <c r="B24" s="334"/>
      <c r="C24" s="394"/>
      <c r="D24" s="395"/>
      <c r="E24" s="395"/>
      <c r="F24" s="395"/>
      <c r="G24" s="395"/>
      <c r="H24" s="395"/>
      <c r="I24" s="395"/>
      <c r="J24" s="395"/>
      <c r="K24" s="396"/>
      <c r="L24" s="377"/>
      <c r="M24" s="378"/>
      <c r="N24" s="378"/>
      <c r="O24" s="378"/>
      <c r="P24" s="378"/>
      <c r="Q24" s="378"/>
      <c r="R24" s="378"/>
      <c r="S24" s="378"/>
      <c r="T24" s="378"/>
      <c r="U24" s="378"/>
      <c r="V24" s="378"/>
      <c r="W24" s="378"/>
      <c r="X24" s="378"/>
      <c r="Y24" s="378"/>
      <c r="Z24" s="378"/>
      <c r="AA24" s="378"/>
      <c r="AB24" s="378"/>
      <c r="AC24" s="378"/>
      <c r="AD24" s="378"/>
      <c r="AE24" s="378"/>
      <c r="AF24" s="378"/>
      <c r="AG24" s="378"/>
      <c r="AH24" s="378"/>
      <c r="AI24" s="378"/>
      <c r="AJ24" s="378"/>
      <c r="AK24" s="378"/>
      <c r="AL24" s="381"/>
      <c r="AN24" s="3"/>
    </row>
    <row r="25" spans="2:40" ht="14.25" customHeight="1" x14ac:dyDescent="0.15">
      <c r="B25" s="334"/>
      <c r="C25" s="369" t="s">
        <v>82</v>
      </c>
      <c r="D25" s="369"/>
      <c r="E25" s="369"/>
      <c r="F25" s="369"/>
      <c r="G25" s="369"/>
      <c r="H25" s="369"/>
      <c r="I25" s="369"/>
      <c r="J25" s="369"/>
      <c r="K25" s="369"/>
      <c r="L25" s="306" t="s">
        <v>11</v>
      </c>
      <c r="M25" s="307"/>
      <c r="N25" s="307"/>
      <c r="O25" s="307"/>
      <c r="P25" s="308"/>
      <c r="Q25" s="24"/>
      <c r="R25" s="25"/>
      <c r="S25" s="25"/>
      <c r="T25" s="25"/>
      <c r="U25" s="25"/>
      <c r="V25" s="25"/>
      <c r="W25" s="25"/>
      <c r="X25" s="25"/>
      <c r="Y25" s="26"/>
      <c r="Z25" s="382" t="s">
        <v>12</v>
      </c>
      <c r="AA25" s="383"/>
      <c r="AB25" s="383"/>
      <c r="AC25" s="383"/>
      <c r="AD25" s="384"/>
      <c r="AE25" s="28"/>
      <c r="AF25" s="32"/>
      <c r="AG25" s="22"/>
      <c r="AH25" s="22"/>
      <c r="AI25" s="22"/>
      <c r="AJ25" s="372"/>
      <c r="AK25" s="372"/>
      <c r="AL25" s="373"/>
      <c r="AN25" s="3"/>
    </row>
    <row r="26" spans="2:40" ht="13.5" customHeight="1" x14ac:dyDescent="0.15">
      <c r="B26" s="334"/>
      <c r="C26" s="397" t="s">
        <v>18</v>
      </c>
      <c r="D26" s="397"/>
      <c r="E26" s="397"/>
      <c r="F26" s="397"/>
      <c r="G26" s="397"/>
      <c r="H26" s="397"/>
      <c r="I26" s="397"/>
      <c r="J26" s="397"/>
      <c r="K26" s="397"/>
      <c r="L26" s="371" t="s">
        <v>79</v>
      </c>
      <c r="M26" s="372"/>
      <c r="N26" s="372"/>
      <c r="O26" s="372"/>
      <c r="P26" s="372"/>
      <c r="Q26" s="372"/>
      <c r="R26" s="372"/>
      <c r="S26" s="372"/>
      <c r="T26" s="372"/>
      <c r="U26" s="372"/>
      <c r="V26" s="372"/>
      <c r="W26" s="372"/>
      <c r="X26" s="372"/>
      <c r="Y26" s="372"/>
      <c r="Z26" s="372"/>
      <c r="AA26" s="372"/>
      <c r="AB26" s="372"/>
      <c r="AC26" s="372"/>
      <c r="AD26" s="372"/>
      <c r="AE26" s="372"/>
      <c r="AF26" s="372"/>
      <c r="AG26" s="372"/>
      <c r="AH26" s="372"/>
      <c r="AI26" s="372"/>
      <c r="AJ26" s="372"/>
      <c r="AK26" s="372"/>
      <c r="AL26" s="373"/>
      <c r="AN26" s="3"/>
    </row>
    <row r="27" spans="2:40" ht="14.25" customHeight="1" x14ac:dyDescent="0.15">
      <c r="B27" s="334"/>
      <c r="C27" s="397"/>
      <c r="D27" s="397"/>
      <c r="E27" s="397"/>
      <c r="F27" s="397"/>
      <c r="G27" s="397"/>
      <c r="H27" s="397"/>
      <c r="I27" s="397"/>
      <c r="J27" s="397"/>
      <c r="K27" s="397"/>
      <c r="L27" s="374" t="s">
        <v>80</v>
      </c>
      <c r="M27" s="375"/>
      <c r="N27" s="375"/>
      <c r="O27" s="375"/>
      <c r="P27" s="375"/>
      <c r="Q27" s="375"/>
      <c r="R27" s="375"/>
      <c r="S27" s="375"/>
      <c r="T27" s="375"/>
      <c r="U27" s="375"/>
      <c r="V27" s="375"/>
      <c r="W27" s="375"/>
      <c r="X27" s="375"/>
      <c r="Y27" s="375"/>
      <c r="Z27" s="375"/>
      <c r="AA27" s="375"/>
      <c r="AB27" s="375"/>
      <c r="AC27" s="375"/>
      <c r="AD27" s="375"/>
      <c r="AE27" s="375"/>
      <c r="AF27" s="375"/>
      <c r="AG27" s="375"/>
      <c r="AH27" s="375"/>
      <c r="AI27" s="375"/>
      <c r="AJ27" s="375"/>
      <c r="AK27" s="375"/>
      <c r="AL27" s="376"/>
      <c r="AN27" s="3"/>
    </row>
    <row r="28" spans="2:40" x14ac:dyDescent="0.15">
      <c r="B28" s="334"/>
      <c r="C28" s="397"/>
      <c r="D28" s="397"/>
      <c r="E28" s="397"/>
      <c r="F28" s="397"/>
      <c r="G28" s="397"/>
      <c r="H28" s="397"/>
      <c r="I28" s="397"/>
      <c r="J28" s="397"/>
      <c r="K28" s="397"/>
      <c r="L28" s="377"/>
      <c r="M28" s="378"/>
      <c r="N28" s="378"/>
      <c r="O28" s="378"/>
      <c r="P28" s="378"/>
      <c r="Q28" s="378"/>
      <c r="R28" s="378"/>
      <c r="S28" s="378"/>
      <c r="T28" s="378"/>
      <c r="U28" s="378"/>
      <c r="V28" s="378"/>
      <c r="W28" s="378"/>
      <c r="X28" s="378"/>
      <c r="Y28" s="378"/>
      <c r="Z28" s="378"/>
      <c r="AA28" s="378"/>
      <c r="AB28" s="378"/>
      <c r="AC28" s="378"/>
      <c r="AD28" s="378"/>
      <c r="AE28" s="378"/>
      <c r="AF28" s="378"/>
      <c r="AG28" s="378"/>
      <c r="AH28" s="378"/>
      <c r="AI28" s="378"/>
      <c r="AJ28" s="378"/>
      <c r="AK28" s="378"/>
      <c r="AL28" s="381"/>
      <c r="AN28" s="3"/>
    </row>
    <row r="29" spans="2:40" ht="14.25" customHeight="1" x14ac:dyDescent="0.15">
      <c r="B29" s="334"/>
      <c r="C29" s="369" t="s">
        <v>82</v>
      </c>
      <c r="D29" s="369"/>
      <c r="E29" s="369"/>
      <c r="F29" s="369"/>
      <c r="G29" s="369"/>
      <c r="H29" s="369"/>
      <c r="I29" s="369"/>
      <c r="J29" s="369"/>
      <c r="K29" s="369"/>
      <c r="L29" s="306" t="s">
        <v>11</v>
      </c>
      <c r="M29" s="307"/>
      <c r="N29" s="307"/>
      <c r="O29" s="307"/>
      <c r="P29" s="308"/>
      <c r="Q29" s="28"/>
      <c r="R29" s="32"/>
      <c r="S29" s="32"/>
      <c r="T29" s="32"/>
      <c r="U29" s="32"/>
      <c r="V29" s="32"/>
      <c r="W29" s="32"/>
      <c r="X29" s="32"/>
      <c r="Y29" s="33"/>
      <c r="Z29" s="382" t="s">
        <v>12</v>
      </c>
      <c r="AA29" s="383"/>
      <c r="AB29" s="383"/>
      <c r="AC29" s="383"/>
      <c r="AD29" s="384"/>
      <c r="AE29" s="28"/>
      <c r="AF29" s="32"/>
      <c r="AG29" s="22"/>
      <c r="AH29" s="22"/>
      <c r="AI29" s="22"/>
      <c r="AJ29" s="372"/>
      <c r="AK29" s="372"/>
      <c r="AL29" s="373"/>
      <c r="AN29" s="3"/>
    </row>
    <row r="30" spans="2:40" ht="14.25" customHeight="1" x14ac:dyDescent="0.15">
      <c r="B30" s="334"/>
      <c r="C30" s="369" t="s">
        <v>19</v>
      </c>
      <c r="D30" s="369"/>
      <c r="E30" s="369"/>
      <c r="F30" s="369"/>
      <c r="G30" s="369"/>
      <c r="H30" s="369"/>
      <c r="I30" s="369"/>
      <c r="J30" s="369"/>
      <c r="K30" s="369"/>
      <c r="L30" s="370"/>
      <c r="M30" s="370"/>
      <c r="N30" s="370"/>
      <c r="O30" s="370"/>
      <c r="P30" s="370"/>
      <c r="Q30" s="370"/>
      <c r="R30" s="370"/>
      <c r="S30" s="370"/>
      <c r="T30" s="370"/>
      <c r="U30" s="370"/>
      <c r="V30" s="370"/>
      <c r="W30" s="370"/>
      <c r="X30" s="370"/>
      <c r="Y30" s="370"/>
      <c r="Z30" s="370"/>
      <c r="AA30" s="370"/>
      <c r="AB30" s="370"/>
      <c r="AC30" s="370"/>
      <c r="AD30" s="370"/>
      <c r="AE30" s="370"/>
      <c r="AF30" s="370"/>
      <c r="AG30" s="370"/>
      <c r="AH30" s="370"/>
      <c r="AI30" s="370"/>
      <c r="AJ30" s="370"/>
      <c r="AK30" s="370"/>
      <c r="AL30" s="370"/>
      <c r="AN30" s="3"/>
    </row>
    <row r="31" spans="2:40" ht="13.5" customHeight="1" x14ac:dyDescent="0.15">
      <c r="B31" s="334"/>
      <c r="C31" s="369" t="s">
        <v>20</v>
      </c>
      <c r="D31" s="369"/>
      <c r="E31" s="369"/>
      <c r="F31" s="369"/>
      <c r="G31" s="369"/>
      <c r="H31" s="369"/>
      <c r="I31" s="369"/>
      <c r="J31" s="369"/>
      <c r="K31" s="369"/>
      <c r="L31" s="371" t="s">
        <v>79</v>
      </c>
      <c r="M31" s="372"/>
      <c r="N31" s="372"/>
      <c r="O31" s="372"/>
      <c r="P31" s="372"/>
      <c r="Q31" s="372"/>
      <c r="R31" s="372"/>
      <c r="S31" s="372"/>
      <c r="T31" s="372"/>
      <c r="U31" s="372"/>
      <c r="V31" s="372"/>
      <c r="W31" s="372"/>
      <c r="X31" s="372"/>
      <c r="Y31" s="372"/>
      <c r="Z31" s="372"/>
      <c r="AA31" s="372"/>
      <c r="AB31" s="372"/>
      <c r="AC31" s="372"/>
      <c r="AD31" s="372"/>
      <c r="AE31" s="372"/>
      <c r="AF31" s="372"/>
      <c r="AG31" s="372"/>
      <c r="AH31" s="372"/>
      <c r="AI31" s="372"/>
      <c r="AJ31" s="372"/>
      <c r="AK31" s="372"/>
      <c r="AL31" s="373"/>
      <c r="AN31" s="3"/>
    </row>
    <row r="32" spans="2:40" ht="14.25" customHeight="1" x14ac:dyDescent="0.15">
      <c r="B32" s="334"/>
      <c r="C32" s="369"/>
      <c r="D32" s="369"/>
      <c r="E32" s="369"/>
      <c r="F32" s="369"/>
      <c r="G32" s="369"/>
      <c r="H32" s="369"/>
      <c r="I32" s="369"/>
      <c r="J32" s="369"/>
      <c r="K32" s="369"/>
      <c r="L32" s="374" t="s">
        <v>80</v>
      </c>
      <c r="M32" s="375"/>
      <c r="N32" s="375"/>
      <c r="O32" s="375"/>
      <c r="P32" s="375"/>
      <c r="Q32" s="375"/>
      <c r="R32" s="375"/>
      <c r="S32" s="375"/>
      <c r="T32" s="375"/>
      <c r="U32" s="375"/>
      <c r="V32" s="375"/>
      <c r="W32" s="375"/>
      <c r="X32" s="375"/>
      <c r="Y32" s="375"/>
      <c r="Z32" s="375"/>
      <c r="AA32" s="375"/>
      <c r="AB32" s="375"/>
      <c r="AC32" s="375"/>
      <c r="AD32" s="375"/>
      <c r="AE32" s="375"/>
      <c r="AF32" s="375"/>
      <c r="AG32" s="375"/>
      <c r="AH32" s="375"/>
      <c r="AI32" s="375"/>
      <c r="AJ32" s="375"/>
      <c r="AK32" s="375"/>
      <c r="AL32" s="376"/>
      <c r="AN32" s="3"/>
    </row>
    <row r="33" spans="2:40" x14ac:dyDescent="0.15">
      <c r="B33" s="335"/>
      <c r="C33" s="369"/>
      <c r="D33" s="369"/>
      <c r="E33" s="369"/>
      <c r="F33" s="369"/>
      <c r="G33" s="369"/>
      <c r="H33" s="369"/>
      <c r="I33" s="369"/>
      <c r="J33" s="369"/>
      <c r="K33" s="369"/>
      <c r="L33" s="377"/>
      <c r="M33" s="378"/>
      <c r="N33" s="379"/>
      <c r="O33" s="379"/>
      <c r="P33" s="379"/>
      <c r="Q33" s="379"/>
      <c r="R33" s="379"/>
      <c r="S33" s="379"/>
      <c r="T33" s="379"/>
      <c r="U33" s="379"/>
      <c r="V33" s="379"/>
      <c r="W33" s="379"/>
      <c r="X33" s="379"/>
      <c r="Y33" s="379"/>
      <c r="Z33" s="379"/>
      <c r="AA33" s="379"/>
      <c r="AB33" s="379"/>
      <c r="AC33" s="378"/>
      <c r="AD33" s="378"/>
      <c r="AE33" s="378"/>
      <c r="AF33" s="378"/>
      <c r="AG33" s="378"/>
      <c r="AH33" s="379"/>
      <c r="AI33" s="379"/>
      <c r="AJ33" s="379"/>
      <c r="AK33" s="379"/>
      <c r="AL33" s="380"/>
      <c r="AN33" s="3"/>
    </row>
    <row r="34" spans="2:40" ht="13.5" customHeight="1" x14ac:dyDescent="0.15">
      <c r="B34" s="333" t="s">
        <v>47</v>
      </c>
      <c r="C34" s="336" t="s">
        <v>84</v>
      </c>
      <c r="D34" s="337"/>
      <c r="E34" s="337"/>
      <c r="F34" s="337"/>
      <c r="G34" s="337"/>
      <c r="H34" s="337"/>
      <c r="I34" s="337"/>
      <c r="J34" s="337"/>
      <c r="K34" s="337"/>
      <c r="L34" s="337"/>
      <c r="M34" s="355" t="s">
        <v>21</v>
      </c>
      <c r="N34" s="323"/>
      <c r="O34" s="53" t="s">
        <v>49</v>
      </c>
      <c r="P34" s="49"/>
      <c r="Q34" s="50"/>
      <c r="R34" s="357" t="s">
        <v>22</v>
      </c>
      <c r="S34" s="358"/>
      <c r="T34" s="358"/>
      <c r="U34" s="358"/>
      <c r="V34" s="358"/>
      <c r="W34" s="358"/>
      <c r="X34" s="359"/>
      <c r="Y34" s="363" t="s">
        <v>60</v>
      </c>
      <c r="Z34" s="364"/>
      <c r="AA34" s="364"/>
      <c r="AB34" s="365"/>
      <c r="AC34" s="366" t="s">
        <v>61</v>
      </c>
      <c r="AD34" s="367"/>
      <c r="AE34" s="367"/>
      <c r="AF34" s="367"/>
      <c r="AG34" s="368"/>
      <c r="AH34" s="342" t="s">
        <v>54</v>
      </c>
      <c r="AI34" s="343"/>
      <c r="AJ34" s="343"/>
      <c r="AK34" s="343"/>
      <c r="AL34" s="344"/>
      <c r="AN34" s="3"/>
    </row>
    <row r="35" spans="2:40" ht="14.25" customHeight="1" x14ac:dyDescent="0.15">
      <c r="B35" s="334"/>
      <c r="C35" s="338"/>
      <c r="D35" s="339"/>
      <c r="E35" s="339"/>
      <c r="F35" s="339"/>
      <c r="G35" s="339"/>
      <c r="H35" s="339"/>
      <c r="I35" s="339"/>
      <c r="J35" s="339"/>
      <c r="K35" s="339"/>
      <c r="L35" s="339"/>
      <c r="M35" s="356"/>
      <c r="N35" s="326"/>
      <c r="O35" s="54" t="s">
        <v>50</v>
      </c>
      <c r="P35" s="51"/>
      <c r="Q35" s="52"/>
      <c r="R35" s="360"/>
      <c r="S35" s="361"/>
      <c r="T35" s="361"/>
      <c r="U35" s="361"/>
      <c r="V35" s="361"/>
      <c r="W35" s="361"/>
      <c r="X35" s="362"/>
      <c r="Y35" s="56" t="s">
        <v>35</v>
      </c>
      <c r="Z35" s="55"/>
      <c r="AA35" s="55"/>
      <c r="AB35" s="55"/>
      <c r="AC35" s="345" t="s">
        <v>36</v>
      </c>
      <c r="AD35" s="346"/>
      <c r="AE35" s="346"/>
      <c r="AF35" s="346"/>
      <c r="AG35" s="347"/>
      <c r="AH35" s="348" t="s">
        <v>55</v>
      </c>
      <c r="AI35" s="349"/>
      <c r="AJ35" s="349"/>
      <c r="AK35" s="349"/>
      <c r="AL35" s="350"/>
      <c r="AN35" s="3"/>
    </row>
    <row r="36" spans="2:40" ht="14.25" customHeight="1" x14ac:dyDescent="0.15">
      <c r="B36" s="334"/>
      <c r="C36" s="314"/>
      <c r="D36" s="69"/>
      <c r="E36" s="328" t="s">
        <v>4</v>
      </c>
      <c r="F36" s="328"/>
      <c r="G36" s="328"/>
      <c r="H36" s="328"/>
      <c r="I36" s="328"/>
      <c r="J36" s="328"/>
      <c r="K36" s="328"/>
      <c r="L36" s="351"/>
      <c r="M36" s="37"/>
      <c r="N36" s="36"/>
      <c r="O36" s="18"/>
      <c r="P36" s="19"/>
      <c r="Q36" s="36"/>
      <c r="R36" s="11" t="s">
        <v>62</v>
      </c>
      <c r="S36" s="5"/>
      <c r="T36" s="5"/>
      <c r="U36" s="5"/>
      <c r="V36" s="5"/>
      <c r="W36" s="5"/>
      <c r="X36" s="5"/>
      <c r="Y36" s="9"/>
      <c r="Z36" s="30"/>
      <c r="AA36" s="30"/>
      <c r="AB36" s="30"/>
      <c r="AC36" s="15"/>
      <c r="AD36" s="16"/>
      <c r="AE36" s="16"/>
      <c r="AF36" s="16"/>
      <c r="AG36" s="17"/>
      <c r="AH36" s="15"/>
      <c r="AI36" s="16"/>
      <c r="AJ36" s="16"/>
      <c r="AK36" s="16"/>
      <c r="AL36" s="17" t="s">
        <v>65</v>
      </c>
      <c r="AN36" s="3"/>
    </row>
    <row r="37" spans="2:40" ht="14.25" customHeight="1" x14ac:dyDescent="0.15">
      <c r="B37" s="334"/>
      <c r="C37" s="314"/>
      <c r="D37" s="69"/>
      <c r="E37" s="328" t="s">
        <v>5</v>
      </c>
      <c r="F37" s="329"/>
      <c r="G37" s="329"/>
      <c r="H37" s="329"/>
      <c r="I37" s="329"/>
      <c r="J37" s="329"/>
      <c r="K37" s="329"/>
      <c r="L37" s="330"/>
      <c r="M37" s="37"/>
      <c r="N37" s="36"/>
      <c r="O37" s="18"/>
      <c r="P37" s="19"/>
      <c r="Q37" s="36"/>
      <c r="R37" s="11" t="s">
        <v>62</v>
      </c>
      <c r="S37" s="5"/>
      <c r="T37" s="5"/>
      <c r="U37" s="5"/>
      <c r="V37" s="5"/>
      <c r="W37" s="5"/>
      <c r="X37" s="5"/>
      <c r="Y37" s="9"/>
      <c r="Z37" s="30"/>
      <c r="AA37" s="30"/>
      <c r="AB37" s="30"/>
      <c r="AC37" s="15"/>
      <c r="AD37" s="16"/>
      <c r="AE37" s="16"/>
      <c r="AF37" s="16"/>
      <c r="AG37" s="17"/>
      <c r="AH37" s="15"/>
      <c r="AI37" s="16"/>
      <c r="AJ37" s="16"/>
      <c r="AK37" s="16"/>
      <c r="AL37" s="17" t="s">
        <v>65</v>
      </c>
      <c r="AN37" s="3"/>
    </row>
    <row r="38" spans="2:40" ht="14.25" customHeight="1" x14ac:dyDescent="0.15">
      <c r="B38" s="334"/>
      <c r="C38" s="314"/>
      <c r="D38" s="69"/>
      <c r="E38" s="328" t="s">
        <v>6</v>
      </c>
      <c r="F38" s="329"/>
      <c r="G38" s="329"/>
      <c r="H38" s="329"/>
      <c r="I38" s="329"/>
      <c r="J38" s="329"/>
      <c r="K38" s="329"/>
      <c r="L38" s="330"/>
      <c r="M38" s="37"/>
      <c r="N38" s="36"/>
      <c r="O38" s="18"/>
      <c r="P38" s="19"/>
      <c r="Q38" s="36"/>
      <c r="R38" s="11" t="s">
        <v>62</v>
      </c>
      <c r="S38" s="5"/>
      <c r="T38" s="5"/>
      <c r="U38" s="5"/>
      <c r="V38" s="5"/>
      <c r="W38" s="5"/>
      <c r="X38" s="5"/>
      <c r="Y38" s="9"/>
      <c r="Z38" s="30"/>
      <c r="AA38" s="30"/>
      <c r="AB38" s="30"/>
      <c r="AC38" s="15"/>
      <c r="AD38" s="16"/>
      <c r="AE38" s="16"/>
      <c r="AF38" s="16"/>
      <c r="AG38" s="17"/>
      <c r="AH38" s="15"/>
      <c r="AI38" s="16"/>
      <c r="AJ38" s="16"/>
      <c r="AK38" s="16"/>
      <c r="AL38" s="17" t="s">
        <v>65</v>
      </c>
      <c r="AN38" s="3"/>
    </row>
    <row r="39" spans="2:40" ht="14.25" customHeight="1" x14ac:dyDescent="0.15">
      <c r="B39" s="334"/>
      <c r="C39" s="314"/>
      <c r="D39" s="69"/>
      <c r="E39" s="328" t="s">
        <v>8</v>
      </c>
      <c r="F39" s="329"/>
      <c r="G39" s="329"/>
      <c r="H39" s="329"/>
      <c r="I39" s="329"/>
      <c r="J39" s="329"/>
      <c r="K39" s="329"/>
      <c r="L39" s="330"/>
      <c r="M39" s="37"/>
      <c r="N39" s="36"/>
      <c r="O39" s="18"/>
      <c r="P39" s="19"/>
      <c r="Q39" s="36"/>
      <c r="R39" s="11" t="s">
        <v>62</v>
      </c>
      <c r="S39" s="5"/>
      <c r="T39" s="5"/>
      <c r="U39" s="5"/>
      <c r="V39" s="5"/>
      <c r="W39" s="5"/>
      <c r="X39" s="5"/>
      <c r="Y39" s="9"/>
      <c r="Z39" s="30"/>
      <c r="AA39" s="30"/>
      <c r="AB39" s="30"/>
      <c r="AC39" s="15"/>
      <c r="AD39" s="16"/>
      <c r="AE39" s="16"/>
      <c r="AF39" s="16"/>
      <c r="AG39" s="17"/>
      <c r="AH39" s="15"/>
      <c r="AI39" s="16"/>
      <c r="AJ39" s="16"/>
      <c r="AK39" s="16"/>
      <c r="AL39" s="17" t="s">
        <v>65</v>
      </c>
      <c r="AN39" s="3"/>
    </row>
    <row r="40" spans="2:40" ht="14.25" customHeight="1" x14ac:dyDescent="0.15">
      <c r="B40" s="334"/>
      <c r="C40" s="314"/>
      <c r="D40" s="69"/>
      <c r="E40" s="328" t="s">
        <v>7</v>
      </c>
      <c r="F40" s="329"/>
      <c r="G40" s="329"/>
      <c r="H40" s="329"/>
      <c r="I40" s="329"/>
      <c r="J40" s="329"/>
      <c r="K40" s="329"/>
      <c r="L40" s="330"/>
      <c r="M40" s="37"/>
      <c r="N40" s="36"/>
      <c r="O40" s="18"/>
      <c r="P40" s="19"/>
      <c r="Q40" s="36"/>
      <c r="R40" s="11" t="s">
        <v>62</v>
      </c>
      <c r="S40" s="5"/>
      <c r="T40" s="5"/>
      <c r="U40" s="5"/>
      <c r="V40" s="5"/>
      <c r="W40" s="5"/>
      <c r="X40" s="5"/>
      <c r="Y40" s="9"/>
      <c r="Z40" s="30"/>
      <c r="AA40" s="30"/>
      <c r="AB40" s="30"/>
      <c r="AC40" s="15"/>
      <c r="AD40" s="16"/>
      <c r="AE40" s="16"/>
      <c r="AF40" s="16"/>
      <c r="AG40" s="17"/>
      <c r="AH40" s="15"/>
      <c r="AI40" s="16"/>
      <c r="AJ40" s="16"/>
      <c r="AK40" s="16"/>
      <c r="AL40" s="17" t="s">
        <v>65</v>
      </c>
      <c r="AN40" s="3"/>
    </row>
    <row r="41" spans="2:40" ht="14.25" customHeight="1" thickBot="1" x14ac:dyDescent="0.2">
      <c r="B41" s="334"/>
      <c r="C41" s="314"/>
      <c r="D41" s="70"/>
      <c r="E41" s="352" t="s">
        <v>48</v>
      </c>
      <c r="F41" s="353"/>
      <c r="G41" s="353"/>
      <c r="H41" s="353"/>
      <c r="I41" s="353"/>
      <c r="J41" s="353"/>
      <c r="K41" s="353"/>
      <c r="L41" s="354"/>
      <c r="M41" s="71"/>
      <c r="N41" s="35"/>
      <c r="O41" s="80"/>
      <c r="P41" s="34"/>
      <c r="Q41" s="35"/>
      <c r="R41" s="4" t="s">
        <v>62</v>
      </c>
      <c r="S41" s="81"/>
      <c r="T41" s="81"/>
      <c r="U41" s="81"/>
      <c r="V41" s="81"/>
      <c r="W41" s="81"/>
      <c r="X41" s="81"/>
      <c r="Y41" s="6"/>
      <c r="Z41" s="67"/>
      <c r="AA41" s="67"/>
      <c r="AB41" s="67"/>
      <c r="AC41" s="57"/>
      <c r="AD41" s="58"/>
      <c r="AE41" s="58"/>
      <c r="AF41" s="58"/>
      <c r="AG41" s="59"/>
      <c r="AH41" s="57"/>
      <c r="AI41" s="58"/>
      <c r="AJ41" s="58"/>
      <c r="AK41" s="58"/>
      <c r="AL41" s="59" t="s">
        <v>65</v>
      </c>
      <c r="AN41" s="3"/>
    </row>
    <row r="42" spans="2:40" ht="14.25" customHeight="1" thickTop="1" x14ac:dyDescent="0.15">
      <c r="B42" s="334"/>
      <c r="C42" s="314"/>
      <c r="D42" s="72"/>
      <c r="E42" s="340" t="s">
        <v>68</v>
      </c>
      <c r="F42" s="340"/>
      <c r="G42" s="340"/>
      <c r="H42" s="340"/>
      <c r="I42" s="340"/>
      <c r="J42" s="340"/>
      <c r="K42" s="340"/>
      <c r="L42" s="341"/>
      <c r="M42" s="73"/>
      <c r="N42" s="75"/>
      <c r="O42" s="82"/>
      <c r="P42" s="74"/>
      <c r="Q42" s="75"/>
      <c r="R42" s="83" t="s">
        <v>62</v>
      </c>
      <c r="S42" s="84"/>
      <c r="T42" s="84"/>
      <c r="U42" s="84"/>
      <c r="V42" s="84"/>
      <c r="W42" s="84"/>
      <c r="X42" s="84"/>
      <c r="Y42" s="76"/>
      <c r="Z42" s="77"/>
      <c r="AA42" s="77"/>
      <c r="AB42" s="77"/>
      <c r="AC42" s="85"/>
      <c r="AD42" s="78"/>
      <c r="AE42" s="78"/>
      <c r="AF42" s="78"/>
      <c r="AG42" s="79"/>
      <c r="AH42" s="85"/>
      <c r="AI42" s="78"/>
      <c r="AJ42" s="78"/>
      <c r="AK42" s="78"/>
      <c r="AL42" s="79" t="s">
        <v>65</v>
      </c>
      <c r="AN42" s="3"/>
    </row>
    <row r="43" spans="2:40" ht="14.25" customHeight="1" x14ac:dyDescent="0.15">
      <c r="B43" s="334"/>
      <c r="C43" s="314"/>
      <c r="D43" s="69"/>
      <c r="E43" s="328" t="s">
        <v>69</v>
      </c>
      <c r="F43" s="329"/>
      <c r="G43" s="329"/>
      <c r="H43" s="329"/>
      <c r="I43" s="329"/>
      <c r="J43" s="329"/>
      <c r="K43" s="329"/>
      <c r="L43" s="330"/>
      <c r="M43" s="37"/>
      <c r="N43" s="36"/>
      <c r="O43" s="18"/>
      <c r="P43" s="19"/>
      <c r="Q43" s="36"/>
      <c r="R43" s="11" t="s">
        <v>62</v>
      </c>
      <c r="S43" s="5"/>
      <c r="T43" s="5"/>
      <c r="U43" s="5"/>
      <c r="V43" s="5"/>
      <c r="W43" s="5"/>
      <c r="X43" s="5"/>
      <c r="Y43" s="9"/>
      <c r="Z43" s="30"/>
      <c r="AA43" s="30"/>
      <c r="AB43" s="30"/>
      <c r="AC43" s="15"/>
      <c r="AD43" s="16"/>
      <c r="AE43" s="16"/>
      <c r="AF43" s="16"/>
      <c r="AG43" s="17"/>
      <c r="AH43" s="15"/>
      <c r="AI43" s="16"/>
      <c r="AJ43" s="16"/>
      <c r="AK43" s="16"/>
      <c r="AL43" s="17" t="s">
        <v>65</v>
      </c>
      <c r="AN43" s="3"/>
    </row>
    <row r="44" spans="2:40" ht="14.25" customHeight="1" x14ac:dyDescent="0.15">
      <c r="B44" s="334"/>
      <c r="C44" s="314"/>
      <c r="D44" s="69"/>
      <c r="E44" s="328" t="s">
        <v>70</v>
      </c>
      <c r="F44" s="329"/>
      <c r="G44" s="329"/>
      <c r="H44" s="329"/>
      <c r="I44" s="329"/>
      <c r="J44" s="329"/>
      <c r="K44" s="329"/>
      <c r="L44" s="330"/>
      <c r="M44" s="37"/>
      <c r="N44" s="36"/>
      <c r="O44" s="18"/>
      <c r="P44" s="19"/>
      <c r="Q44" s="36"/>
      <c r="R44" s="11" t="s">
        <v>62</v>
      </c>
      <c r="S44" s="5"/>
      <c r="T44" s="5"/>
      <c r="U44" s="5"/>
      <c r="V44" s="5"/>
      <c r="W44" s="5"/>
      <c r="X44" s="5"/>
      <c r="Y44" s="9"/>
      <c r="Z44" s="30"/>
      <c r="AA44" s="30"/>
      <c r="AB44" s="30"/>
      <c r="AC44" s="15"/>
      <c r="AD44" s="16"/>
      <c r="AE44" s="16"/>
      <c r="AF44" s="16"/>
      <c r="AG44" s="17"/>
      <c r="AH44" s="15"/>
      <c r="AI44" s="16"/>
      <c r="AJ44" s="16"/>
      <c r="AK44" s="16"/>
      <c r="AL44" s="17" t="s">
        <v>65</v>
      </c>
      <c r="AN44" s="3"/>
    </row>
    <row r="45" spans="2:40" ht="14.25" customHeight="1" x14ac:dyDescent="0.15">
      <c r="B45" s="334"/>
      <c r="C45" s="314"/>
      <c r="D45" s="69"/>
      <c r="E45" s="328" t="s">
        <v>71</v>
      </c>
      <c r="F45" s="329"/>
      <c r="G45" s="329"/>
      <c r="H45" s="329"/>
      <c r="I45" s="329"/>
      <c r="J45" s="329"/>
      <c r="K45" s="329"/>
      <c r="L45" s="330"/>
      <c r="M45" s="37"/>
      <c r="N45" s="36"/>
      <c r="O45" s="18"/>
      <c r="P45" s="19"/>
      <c r="Q45" s="36"/>
      <c r="R45" s="11" t="s">
        <v>62</v>
      </c>
      <c r="S45" s="5"/>
      <c r="T45" s="5"/>
      <c r="U45" s="5"/>
      <c r="V45" s="5"/>
      <c r="W45" s="5"/>
      <c r="X45" s="5"/>
      <c r="Y45" s="9"/>
      <c r="Z45" s="30"/>
      <c r="AA45" s="30"/>
      <c r="AB45" s="30"/>
      <c r="AC45" s="15"/>
      <c r="AD45" s="16"/>
      <c r="AE45" s="16"/>
      <c r="AF45" s="16"/>
      <c r="AG45" s="17"/>
      <c r="AH45" s="15"/>
      <c r="AI45" s="16"/>
      <c r="AJ45" s="16"/>
      <c r="AK45" s="16"/>
      <c r="AL45" s="17" t="s">
        <v>65</v>
      </c>
      <c r="AN45" s="3"/>
    </row>
    <row r="46" spans="2:40" ht="14.25" customHeight="1" x14ac:dyDescent="0.15">
      <c r="B46" s="334"/>
      <c r="C46" s="314"/>
      <c r="D46" s="69"/>
      <c r="E46" s="328" t="s">
        <v>73</v>
      </c>
      <c r="F46" s="329"/>
      <c r="G46" s="329"/>
      <c r="H46" s="329"/>
      <c r="I46" s="329"/>
      <c r="J46" s="329"/>
      <c r="K46" s="329"/>
      <c r="L46" s="330"/>
      <c r="M46" s="37"/>
      <c r="N46" s="36"/>
      <c r="O46" s="18"/>
      <c r="P46" s="19"/>
      <c r="Q46" s="36"/>
      <c r="R46" s="11" t="s">
        <v>62</v>
      </c>
      <c r="S46" s="5"/>
      <c r="T46" s="5"/>
      <c r="U46" s="5"/>
      <c r="V46" s="5"/>
      <c r="W46" s="5"/>
      <c r="X46" s="5"/>
      <c r="Y46" s="9"/>
      <c r="Z46" s="30"/>
      <c r="AA46" s="30"/>
      <c r="AB46" s="30"/>
      <c r="AC46" s="15"/>
      <c r="AD46" s="16"/>
      <c r="AE46" s="16"/>
      <c r="AF46" s="16"/>
      <c r="AG46" s="17"/>
      <c r="AH46" s="15"/>
      <c r="AI46" s="16"/>
      <c r="AJ46" s="16"/>
      <c r="AK46" s="16"/>
      <c r="AL46" s="17" t="s">
        <v>65</v>
      </c>
      <c r="AN46" s="3"/>
    </row>
    <row r="47" spans="2:40" ht="14.25" customHeight="1" x14ac:dyDescent="0.15">
      <c r="B47" s="335"/>
      <c r="C47" s="314"/>
      <c r="D47" s="69"/>
      <c r="E47" s="328" t="s">
        <v>74</v>
      </c>
      <c r="F47" s="329"/>
      <c r="G47" s="329"/>
      <c r="H47" s="329"/>
      <c r="I47" s="329"/>
      <c r="J47" s="329"/>
      <c r="K47" s="329"/>
      <c r="L47" s="330"/>
      <c r="M47" s="37"/>
      <c r="N47" s="36"/>
      <c r="O47" s="18"/>
      <c r="P47" s="19"/>
      <c r="Q47" s="36"/>
      <c r="R47" s="11" t="s">
        <v>62</v>
      </c>
      <c r="S47" s="5"/>
      <c r="T47" s="5"/>
      <c r="U47" s="5"/>
      <c r="V47" s="5"/>
      <c r="W47" s="5"/>
      <c r="X47" s="5"/>
      <c r="Y47" s="9"/>
      <c r="Z47" s="30"/>
      <c r="AA47" s="30"/>
      <c r="AB47" s="30"/>
      <c r="AC47" s="15"/>
      <c r="AD47" s="16"/>
      <c r="AE47" s="16"/>
      <c r="AF47" s="16"/>
      <c r="AG47" s="17"/>
      <c r="AH47" s="15"/>
      <c r="AI47" s="16"/>
      <c r="AJ47" s="16"/>
      <c r="AK47" s="16"/>
      <c r="AL47" s="17" t="s">
        <v>65</v>
      </c>
      <c r="AN47" s="3"/>
    </row>
    <row r="48" spans="2:40" ht="14.25" customHeight="1" x14ac:dyDescent="0.15">
      <c r="B48" s="331" t="s">
        <v>51</v>
      </c>
      <c r="C48" s="331"/>
      <c r="D48" s="331"/>
      <c r="E48" s="331"/>
      <c r="F48" s="331"/>
      <c r="G48" s="331"/>
      <c r="H48" s="331"/>
      <c r="I48" s="331"/>
      <c r="J48" s="331"/>
      <c r="K48" s="331"/>
      <c r="L48" s="62"/>
      <c r="M48" s="63"/>
      <c r="N48" s="63"/>
      <c r="O48" s="63"/>
      <c r="P48" s="63"/>
      <c r="Q48" s="63"/>
      <c r="R48" s="64"/>
      <c r="S48" s="64"/>
      <c r="T48" s="64"/>
      <c r="U48" s="65"/>
      <c r="V48" s="9"/>
      <c r="W48" s="10"/>
      <c r="X48" s="11"/>
      <c r="Y48" s="10"/>
      <c r="Z48" s="30"/>
      <c r="AA48" s="30"/>
      <c r="AB48" s="30"/>
      <c r="AC48" s="16"/>
      <c r="AD48" s="16"/>
      <c r="AE48" s="16"/>
      <c r="AF48" s="16"/>
      <c r="AG48" s="16"/>
      <c r="AH48" s="47"/>
      <c r="AI48" s="16"/>
      <c r="AJ48" s="16"/>
      <c r="AK48" s="16"/>
      <c r="AL48" s="17"/>
      <c r="AN48" s="3"/>
    </row>
    <row r="49" spans="2:40" ht="14.25" customHeight="1" x14ac:dyDescent="0.15">
      <c r="B49" s="331" t="s">
        <v>52</v>
      </c>
      <c r="C49" s="331"/>
      <c r="D49" s="331"/>
      <c r="E49" s="331"/>
      <c r="F49" s="331"/>
      <c r="G49" s="331"/>
      <c r="H49" s="331"/>
      <c r="I49" s="331"/>
      <c r="J49" s="331"/>
      <c r="K49" s="332"/>
      <c r="L49" s="66"/>
      <c r="M49" s="19"/>
      <c r="N49" s="19"/>
      <c r="O49" s="19"/>
      <c r="P49" s="19"/>
      <c r="Q49" s="19"/>
      <c r="R49" s="10"/>
      <c r="S49" s="10"/>
      <c r="T49" s="10"/>
      <c r="U49" s="10"/>
      <c r="V49" s="8"/>
      <c r="W49" s="8"/>
      <c r="X49" s="8"/>
      <c r="Y49" s="8"/>
      <c r="Z49" s="68"/>
      <c r="AA49" s="68"/>
      <c r="AB49" s="68"/>
      <c r="AC49" s="60"/>
      <c r="AD49" s="60"/>
      <c r="AE49" s="60"/>
      <c r="AF49" s="60"/>
      <c r="AG49" s="60"/>
      <c r="AH49" s="51"/>
      <c r="AI49" s="60"/>
      <c r="AJ49" s="60"/>
      <c r="AK49" s="60"/>
      <c r="AL49" s="61"/>
      <c r="AN49" s="3"/>
    </row>
    <row r="50" spans="2:40" ht="14.25" customHeight="1" x14ac:dyDescent="0.15">
      <c r="B50" s="309" t="s">
        <v>23</v>
      </c>
      <c r="C50" s="309"/>
      <c r="D50" s="309"/>
      <c r="E50" s="309"/>
      <c r="F50" s="309"/>
      <c r="G50" s="309"/>
      <c r="H50" s="309"/>
      <c r="I50" s="309"/>
      <c r="J50" s="309"/>
      <c r="K50" s="309"/>
      <c r="L50" s="62"/>
      <c r="M50" s="63"/>
      <c r="N50" s="63"/>
      <c r="O50" s="63"/>
      <c r="P50" s="63"/>
      <c r="Q50" s="63"/>
      <c r="R50" s="64"/>
      <c r="S50" s="64"/>
      <c r="T50" s="64"/>
      <c r="U50" s="65"/>
      <c r="V50" s="9" t="s">
        <v>1</v>
      </c>
      <c r="W50" s="10"/>
      <c r="X50" s="10"/>
      <c r="Y50" s="10"/>
      <c r="Z50" s="30"/>
      <c r="AA50" s="30"/>
      <c r="AB50" s="30"/>
      <c r="AC50" s="16"/>
      <c r="AD50" s="16"/>
      <c r="AE50" s="16"/>
      <c r="AF50" s="16"/>
      <c r="AG50" s="16"/>
      <c r="AH50" s="47"/>
      <c r="AI50" s="16"/>
      <c r="AJ50" s="16"/>
      <c r="AK50" s="16"/>
      <c r="AL50" s="17"/>
      <c r="AN50" s="3"/>
    </row>
    <row r="51" spans="2:40" ht="14.25" customHeight="1" x14ac:dyDescent="0.15">
      <c r="B51" s="310" t="s">
        <v>53</v>
      </c>
      <c r="C51" s="310"/>
      <c r="D51" s="310"/>
      <c r="E51" s="310"/>
      <c r="F51" s="310"/>
      <c r="G51" s="310"/>
      <c r="H51" s="310"/>
      <c r="I51" s="310"/>
      <c r="J51" s="310"/>
      <c r="K51" s="310"/>
      <c r="L51" s="48"/>
      <c r="M51" s="19"/>
      <c r="N51" s="19"/>
      <c r="O51" s="19"/>
      <c r="P51" s="19"/>
      <c r="Q51" s="19"/>
      <c r="R51" s="10"/>
      <c r="S51" s="10"/>
      <c r="T51" s="10"/>
      <c r="U51" s="10"/>
      <c r="V51" s="10"/>
      <c r="W51" s="7"/>
      <c r="X51" s="7"/>
      <c r="Y51" s="7"/>
      <c r="Z51" s="67"/>
      <c r="AA51" s="67"/>
      <c r="AB51" s="67"/>
      <c r="AC51" s="58"/>
      <c r="AD51" s="58"/>
      <c r="AE51" s="58"/>
      <c r="AF51" s="58"/>
      <c r="AG51" s="58"/>
      <c r="AH51" s="49"/>
      <c r="AI51" s="58"/>
      <c r="AJ51" s="58"/>
      <c r="AK51" s="58"/>
      <c r="AL51" s="59"/>
      <c r="AN51" s="3"/>
    </row>
    <row r="52" spans="2:40" ht="14.25" customHeight="1" x14ac:dyDescent="0.15">
      <c r="B52" s="311" t="s">
        <v>44</v>
      </c>
      <c r="C52" s="312"/>
      <c r="D52" s="312"/>
      <c r="E52" s="312"/>
      <c r="F52" s="312"/>
      <c r="G52" s="312"/>
      <c r="H52" s="312"/>
      <c r="I52" s="312"/>
      <c r="J52" s="312"/>
      <c r="K52" s="312"/>
      <c r="L52" s="312"/>
      <c r="M52" s="312"/>
      <c r="N52" s="312"/>
      <c r="O52" s="40"/>
      <c r="P52" s="38"/>
      <c r="Q52" s="39"/>
      <c r="R52" s="39"/>
      <c r="S52" s="39"/>
      <c r="T52" s="39"/>
      <c r="U52" s="13"/>
      <c r="V52" s="9"/>
      <c r="W52" s="10"/>
      <c r="X52" s="10"/>
      <c r="Y52" s="10"/>
      <c r="Z52" s="30"/>
      <c r="AA52" s="30"/>
      <c r="AB52" s="30"/>
      <c r="AC52" s="16"/>
      <c r="AD52" s="16"/>
      <c r="AE52" s="16"/>
      <c r="AF52" s="16"/>
      <c r="AG52" s="16"/>
      <c r="AH52" s="47"/>
      <c r="AI52" s="16"/>
      <c r="AJ52" s="16"/>
      <c r="AK52" s="16"/>
      <c r="AL52" s="17"/>
      <c r="AN52" s="3"/>
    </row>
    <row r="53" spans="2:40" ht="14.25" customHeight="1" x14ac:dyDescent="0.15">
      <c r="B53" s="313" t="s">
        <v>24</v>
      </c>
      <c r="C53" s="316" t="s">
        <v>85</v>
      </c>
      <c r="D53" s="317"/>
      <c r="E53" s="317"/>
      <c r="F53" s="317"/>
      <c r="G53" s="317"/>
      <c r="H53" s="317"/>
      <c r="I53" s="317"/>
      <c r="J53" s="317"/>
      <c r="K53" s="317"/>
      <c r="L53" s="317"/>
      <c r="M53" s="317"/>
      <c r="N53" s="317"/>
      <c r="O53" s="317"/>
      <c r="P53" s="317"/>
      <c r="Q53" s="317"/>
      <c r="R53" s="317"/>
      <c r="S53" s="317"/>
      <c r="T53" s="318"/>
      <c r="U53" s="316" t="s">
        <v>37</v>
      </c>
      <c r="V53" s="319"/>
      <c r="W53" s="319"/>
      <c r="X53" s="319"/>
      <c r="Y53" s="319"/>
      <c r="Z53" s="319"/>
      <c r="AA53" s="319"/>
      <c r="AB53" s="319"/>
      <c r="AC53" s="319"/>
      <c r="AD53" s="319"/>
      <c r="AE53" s="319"/>
      <c r="AF53" s="319"/>
      <c r="AG53" s="319"/>
      <c r="AH53" s="319"/>
      <c r="AI53" s="319"/>
      <c r="AJ53" s="319"/>
      <c r="AK53" s="319"/>
      <c r="AL53" s="320"/>
      <c r="AN53" s="3"/>
    </row>
    <row r="54" spans="2:40" x14ac:dyDescent="0.15">
      <c r="B54" s="314"/>
      <c r="C54" s="321"/>
      <c r="D54" s="322"/>
      <c r="E54" s="322"/>
      <c r="F54" s="322"/>
      <c r="G54" s="322"/>
      <c r="H54" s="322"/>
      <c r="I54" s="322"/>
      <c r="J54" s="322"/>
      <c r="K54" s="322"/>
      <c r="L54" s="322"/>
      <c r="M54" s="322"/>
      <c r="N54" s="322"/>
      <c r="O54" s="322"/>
      <c r="P54" s="322"/>
      <c r="Q54" s="322"/>
      <c r="R54" s="322"/>
      <c r="S54" s="322"/>
      <c r="T54" s="323"/>
      <c r="U54" s="321"/>
      <c r="V54" s="322"/>
      <c r="W54" s="322"/>
      <c r="X54" s="322"/>
      <c r="Y54" s="322"/>
      <c r="Z54" s="322"/>
      <c r="AA54" s="322"/>
      <c r="AB54" s="322"/>
      <c r="AC54" s="322"/>
      <c r="AD54" s="322"/>
      <c r="AE54" s="322"/>
      <c r="AF54" s="322"/>
      <c r="AG54" s="322"/>
      <c r="AH54" s="322"/>
      <c r="AI54" s="322"/>
      <c r="AJ54" s="322"/>
      <c r="AK54" s="322"/>
      <c r="AL54" s="323"/>
      <c r="AN54" s="3"/>
    </row>
    <row r="55" spans="2:40" x14ac:dyDescent="0.15">
      <c r="B55" s="314"/>
      <c r="C55" s="324"/>
      <c r="D55" s="325"/>
      <c r="E55" s="325"/>
      <c r="F55" s="325"/>
      <c r="G55" s="325"/>
      <c r="H55" s="325"/>
      <c r="I55" s="325"/>
      <c r="J55" s="325"/>
      <c r="K55" s="325"/>
      <c r="L55" s="325"/>
      <c r="M55" s="325"/>
      <c r="N55" s="325"/>
      <c r="O55" s="325"/>
      <c r="P55" s="325"/>
      <c r="Q55" s="325"/>
      <c r="R55" s="325"/>
      <c r="S55" s="325"/>
      <c r="T55" s="326"/>
      <c r="U55" s="324"/>
      <c r="V55" s="325"/>
      <c r="W55" s="325"/>
      <c r="X55" s="325"/>
      <c r="Y55" s="325"/>
      <c r="Z55" s="325"/>
      <c r="AA55" s="325"/>
      <c r="AB55" s="325"/>
      <c r="AC55" s="325"/>
      <c r="AD55" s="325"/>
      <c r="AE55" s="325"/>
      <c r="AF55" s="325"/>
      <c r="AG55" s="325"/>
      <c r="AH55" s="325"/>
      <c r="AI55" s="325"/>
      <c r="AJ55" s="325"/>
      <c r="AK55" s="325"/>
      <c r="AL55" s="326"/>
      <c r="AN55" s="3"/>
    </row>
    <row r="56" spans="2:40" x14ac:dyDescent="0.15">
      <c r="B56" s="314"/>
      <c r="C56" s="324"/>
      <c r="D56" s="325"/>
      <c r="E56" s="325"/>
      <c r="F56" s="325"/>
      <c r="G56" s="325"/>
      <c r="H56" s="325"/>
      <c r="I56" s="325"/>
      <c r="J56" s="325"/>
      <c r="K56" s="325"/>
      <c r="L56" s="325"/>
      <c r="M56" s="325"/>
      <c r="N56" s="325"/>
      <c r="O56" s="325"/>
      <c r="P56" s="325"/>
      <c r="Q56" s="325"/>
      <c r="R56" s="325"/>
      <c r="S56" s="325"/>
      <c r="T56" s="326"/>
      <c r="U56" s="324"/>
      <c r="V56" s="325"/>
      <c r="W56" s="325"/>
      <c r="X56" s="325"/>
      <c r="Y56" s="325"/>
      <c r="Z56" s="325"/>
      <c r="AA56" s="325"/>
      <c r="AB56" s="325"/>
      <c r="AC56" s="325"/>
      <c r="AD56" s="325"/>
      <c r="AE56" s="325"/>
      <c r="AF56" s="325"/>
      <c r="AG56" s="325"/>
      <c r="AH56" s="325"/>
      <c r="AI56" s="325"/>
      <c r="AJ56" s="325"/>
      <c r="AK56" s="325"/>
      <c r="AL56" s="326"/>
      <c r="AN56" s="3"/>
    </row>
    <row r="57" spans="2:40" x14ac:dyDescent="0.15">
      <c r="B57" s="315"/>
      <c r="C57" s="327"/>
      <c r="D57" s="319"/>
      <c r="E57" s="319"/>
      <c r="F57" s="319"/>
      <c r="G57" s="319"/>
      <c r="H57" s="319"/>
      <c r="I57" s="319"/>
      <c r="J57" s="319"/>
      <c r="K57" s="319"/>
      <c r="L57" s="319"/>
      <c r="M57" s="319"/>
      <c r="N57" s="319"/>
      <c r="O57" s="319"/>
      <c r="P57" s="319"/>
      <c r="Q57" s="319"/>
      <c r="R57" s="319"/>
      <c r="S57" s="319"/>
      <c r="T57" s="320"/>
      <c r="U57" s="327"/>
      <c r="V57" s="319"/>
      <c r="W57" s="319"/>
      <c r="X57" s="319"/>
      <c r="Y57" s="319"/>
      <c r="Z57" s="319"/>
      <c r="AA57" s="319"/>
      <c r="AB57" s="319"/>
      <c r="AC57" s="319"/>
      <c r="AD57" s="319"/>
      <c r="AE57" s="319"/>
      <c r="AF57" s="319"/>
      <c r="AG57" s="319"/>
      <c r="AH57" s="319"/>
      <c r="AI57" s="319"/>
      <c r="AJ57" s="319"/>
      <c r="AK57" s="319"/>
      <c r="AL57" s="320"/>
      <c r="AN57" s="3"/>
    </row>
    <row r="58" spans="2:40" ht="14.25" customHeight="1" x14ac:dyDescent="0.15">
      <c r="B58" s="306" t="s">
        <v>25</v>
      </c>
      <c r="C58" s="307"/>
      <c r="D58" s="307"/>
      <c r="E58" s="307"/>
      <c r="F58" s="308"/>
      <c r="G58" s="309" t="s">
        <v>26</v>
      </c>
      <c r="H58" s="309"/>
      <c r="I58" s="309"/>
      <c r="J58" s="309"/>
      <c r="K58" s="309"/>
      <c r="L58" s="309"/>
      <c r="M58" s="309"/>
      <c r="N58" s="309"/>
      <c r="O58" s="309"/>
      <c r="P58" s="309"/>
      <c r="Q58" s="309"/>
      <c r="R58" s="309"/>
      <c r="S58" s="309"/>
      <c r="T58" s="309"/>
      <c r="U58" s="309"/>
      <c r="V58" s="309"/>
      <c r="W58" s="309"/>
      <c r="X58" s="309"/>
      <c r="Y58" s="309"/>
      <c r="Z58" s="309"/>
      <c r="AA58" s="309"/>
      <c r="AB58" s="309"/>
      <c r="AC58" s="309"/>
      <c r="AD58" s="309"/>
      <c r="AE58" s="309"/>
      <c r="AF58" s="309"/>
      <c r="AG58" s="309"/>
      <c r="AH58" s="309"/>
      <c r="AI58" s="309"/>
      <c r="AJ58" s="309"/>
      <c r="AK58" s="309"/>
      <c r="AL58" s="309"/>
      <c r="AN58" s="3"/>
    </row>
    <row r="60" spans="2:40" x14ac:dyDescent="0.15">
      <c r="B60" s="14" t="s">
        <v>56</v>
      </c>
    </row>
    <row r="61" spans="2:40" x14ac:dyDescent="0.15">
      <c r="B61" s="14" t="s">
        <v>113</v>
      </c>
    </row>
    <row r="62" spans="2:40" x14ac:dyDescent="0.15">
      <c r="B62" s="14" t="s">
        <v>114</v>
      </c>
    </row>
    <row r="63" spans="2:40" x14ac:dyDescent="0.15">
      <c r="B63" s="14" t="s">
        <v>117</v>
      </c>
    </row>
    <row r="64" spans="2:40" x14ac:dyDescent="0.15">
      <c r="B64" s="14" t="s">
        <v>63</v>
      </c>
    </row>
    <row r="65" spans="2:41" x14ac:dyDescent="0.15">
      <c r="B65" s="14" t="s">
        <v>86</v>
      </c>
    </row>
    <row r="66" spans="2:41" x14ac:dyDescent="0.15">
      <c r="B66" s="14" t="s">
        <v>64</v>
      </c>
      <c r="AN66" s="3"/>
      <c r="AO66" s="14"/>
    </row>
    <row r="67" spans="2:41" x14ac:dyDescent="0.15">
      <c r="B67" s="14" t="s">
        <v>58</v>
      </c>
    </row>
    <row r="68" spans="2:41" x14ac:dyDescent="0.15">
      <c r="B68" s="14" t="s">
        <v>66</v>
      </c>
    </row>
    <row r="69" spans="2:41" x14ac:dyDescent="0.15">
      <c r="B69" s="14" t="s">
        <v>115</v>
      </c>
    </row>
    <row r="70" spans="2:41" x14ac:dyDescent="0.15">
      <c r="B70" s="14" t="s">
        <v>112</v>
      </c>
    </row>
    <row r="84" spans="2:2" ht="12.75" customHeight="1" x14ac:dyDescent="0.15">
      <c r="B84" s="46"/>
    </row>
    <row r="85" spans="2:2" ht="12.75" customHeight="1" x14ac:dyDescent="0.15">
      <c r="B85" s="46" t="s">
        <v>39</v>
      </c>
    </row>
    <row r="86" spans="2:2" ht="12.75" customHeight="1" x14ac:dyDescent="0.15">
      <c r="B86" s="46" t="s">
        <v>27</v>
      </c>
    </row>
    <row r="87" spans="2:2" ht="12.75" customHeight="1" x14ac:dyDescent="0.15">
      <c r="B87" s="46" t="s">
        <v>30</v>
      </c>
    </row>
    <row r="88" spans="2:2" ht="12.75" customHeight="1" x14ac:dyDescent="0.15">
      <c r="B88" s="46" t="s">
        <v>40</v>
      </c>
    </row>
    <row r="89" spans="2:2" ht="12.75" customHeight="1" x14ac:dyDescent="0.15">
      <c r="B89" s="46" t="s">
        <v>31</v>
      </c>
    </row>
    <row r="90" spans="2:2" ht="12.75" customHeight="1" x14ac:dyDescent="0.15">
      <c r="B90" s="46" t="s">
        <v>41</v>
      </c>
    </row>
    <row r="91" spans="2:2" ht="12.75" customHeight="1" x14ac:dyDescent="0.15">
      <c r="B91" s="46" t="s">
        <v>42</v>
      </c>
    </row>
    <row r="92" spans="2:2" ht="12.75" customHeight="1" x14ac:dyDescent="0.15">
      <c r="B92" s="46" t="s">
        <v>43</v>
      </c>
    </row>
    <row r="93" spans="2:2" ht="12.75" customHeight="1" x14ac:dyDescent="0.15"/>
    <row r="94" spans="2:2" ht="12.75" customHeight="1" x14ac:dyDescent="0.15"/>
    <row r="95" spans="2:2" ht="12.75" customHeight="1" x14ac:dyDescent="0.15"/>
    <row r="96" spans="2:2" ht="12.75" customHeight="1" x14ac:dyDescent="0.15"/>
    <row r="97" ht="12.75" customHeight="1" x14ac:dyDescent="0.15"/>
    <row r="98" ht="12.75" customHeight="1" x14ac:dyDescent="0.15"/>
    <row r="99" ht="12.75" customHeight="1" x14ac:dyDescent="0.15"/>
    <row r="100" ht="12.75" customHeight="1" x14ac:dyDescent="0.15"/>
    <row r="101" ht="12.75" customHeight="1" x14ac:dyDescent="0.15"/>
    <row r="102" ht="12.75" customHeight="1" x14ac:dyDescent="0.15"/>
    <row r="103" ht="12.75" customHeight="1" x14ac:dyDescent="0.15"/>
    <row r="104" ht="12.75" customHeight="1" x14ac:dyDescent="0.15"/>
    <row r="105" ht="12.75" customHeight="1" x14ac:dyDescent="0.15"/>
    <row r="106" ht="12.75" customHeight="1" x14ac:dyDescent="0.15"/>
    <row r="107" ht="12.75" customHeight="1" x14ac:dyDescent="0.15"/>
    <row r="108" ht="12.75" customHeight="1" x14ac:dyDescent="0.15"/>
    <row r="109" ht="12.75" customHeight="1" x14ac:dyDescent="0.15"/>
    <row r="110" ht="12.75" customHeight="1" x14ac:dyDescent="0.15"/>
    <row r="111" ht="12.75" customHeight="1" x14ac:dyDescent="0.15"/>
    <row r="112" ht="12.75" customHeight="1" x14ac:dyDescent="0.15"/>
    <row r="113" ht="12.75" customHeight="1" x14ac:dyDescent="0.15"/>
    <row r="114" ht="12.75" customHeight="1" x14ac:dyDescent="0.15"/>
    <row r="115" ht="12.75" customHeight="1" x14ac:dyDescent="0.15"/>
    <row r="116" ht="12.75" customHeight="1" x14ac:dyDescent="0.15"/>
    <row r="117" ht="12.75" customHeight="1" x14ac:dyDescent="0.15"/>
    <row r="118" ht="12.75" customHeight="1" x14ac:dyDescent="0.15"/>
    <row r="119" ht="12.75" customHeight="1" x14ac:dyDescent="0.15"/>
    <row r="120" ht="12.75" customHeight="1" x14ac:dyDescent="0.15"/>
    <row r="121" ht="12.75" customHeight="1" x14ac:dyDescent="0.15"/>
    <row r="122" ht="12.75" customHeight="1" x14ac:dyDescent="0.15"/>
    <row r="123" ht="12.75" customHeight="1" x14ac:dyDescent="0.15"/>
    <row r="124" ht="12.75" customHeight="1" x14ac:dyDescent="0.15"/>
    <row r="125" ht="12.75" customHeight="1" x14ac:dyDescent="0.15"/>
    <row r="126" ht="12.75" customHeight="1" x14ac:dyDescent="0.15"/>
    <row r="127" ht="12.75" customHeight="1" x14ac:dyDescent="0.15"/>
    <row r="128" ht="12.75" customHeight="1" x14ac:dyDescent="0.15"/>
    <row r="129" ht="12.75" customHeight="1" x14ac:dyDescent="0.15"/>
    <row r="130" ht="12.75" customHeight="1" x14ac:dyDescent="0.15"/>
  </sheetData>
  <mergeCells count="83">
    <mergeCell ref="Z3:AD3"/>
    <mergeCell ref="AE3:AL3"/>
    <mergeCell ref="B5:AL5"/>
    <mergeCell ref="B7:J7"/>
    <mergeCell ref="B11:B21"/>
    <mergeCell ref="C11:K11"/>
    <mergeCell ref="C12:K12"/>
    <mergeCell ref="C13:K15"/>
    <mergeCell ref="L13:AL13"/>
    <mergeCell ref="L14:AL14"/>
    <mergeCell ref="L15:AL15"/>
    <mergeCell ref="C16:K16"/>
    <mergeCell ref="L16:P16"/>
    <mergeCell ref="Z16:AD16"/>
    <mergeCell ref="AJ16:AL16"/>
    <mergeCell ref="C18:K18"/>
    <mergeCell ref="L18:P18"/>
    <mergeCell ref="Z18:AD18"/>
    <mergeCell ref="C17:K17"/>
    <mergeCell ref="U17:Y17"/>
    <mergeCell ref="AE17:AK17"/>
    <mergeCell ref="C19:K21"/>
    <mergeCell ref="L19:AL19"/>
    <mergeCell ref="L20:AL20"/>
    <mergeCell ref="L21:AL21"/>
    <mergeCell ref="B22:B33"/>
    <mergeCell ref="C22:K24"/>
    <mergeCell ref="L22:AL22"/>
    <mergeCell ref="L23:AL23"/>
    <mergeCell ref="L24:AL24"/>
    <mergeCell ref="C25:K25"/>
    <mergeCell ref="L25:P25"/>
    <mergeCell ref="Z25:AD25"/>
    <mergeCell ref="AJ25:AL25"/>
    <mergeCell ref="C26:K28"/>
    <mergeCell ref="L26:AL26"/>
    <mergeCell ref="L27:AL27"/>
    <mergeCell ref="L28:AL28"/>
    <mergeCell ref="C29:K29"/>
    <mergeCell ref="L29:P29"/>
    <mergeCell ref="Z29:AD29"/>
    <mergeCell ref="AJ29:AL29"/>
    <mergeCell ref="C30:K30"/>
    <mergeCell ref="L30:AL30"/>
    <mergeCell ref="C31:K33"/>
    <mergeCell ref="L31:AL31"/>
    <mergeCell ref="L32:AL32"/>
    <mergeCell ref="L33:AL33"/>
    <mergeCell ref="AH34:AL34"/>
    <mergeCell ref="AC35:AG35"/>
    <mergeCell ref="AH35:AL35"/>
    <mergeCell ref="C36:C41"/>
    <mergeCell ref="E36:L36"/>
    <mergeCell ref="E37:L37"/>
    <mergeCell ref="E38:L38"/>
    <mergeCell ref="E39:L39"/>
    <mergeCell ref="E40:L40"/>
    <mergeCell ref="E41:L41"/>
    <mergeCell ref="M34:N35"/>
    <mergeCell ref="R34:X35"/>
    <mergeCell ref="Y34:AB34"/>
    <mergeCell ref="AC34:AG34"/>
    <mergeCell ref="E47:L47"/>
    <mergeCell ref="B48:K48"/>
    <mergeCell ref="B49:K49"/>
    <mergeCell ref="B50:K50"/>
    <mergeCell ref="B34:B47"/>
    <mergeCell ref="C34:L35"/>
    <mergeCell ref="C42:C47"/>
    <mergeCell ref="E42:L42"/>
    <mergeCell ref="E43:L43"/>
    <mergeCell ref="E44:L44"/>
    <mergeCell ref="E45:L45"/>
    <mergeCell ref="E46:L46"/>
    <mergeCell ref="B58:F58"/>
    <mergeCell ref="G58:AL58"/>
    <mergeCell ref="B51:K51"/>
    <mergeCell ref="B52:N52"/>
    <mergeCell ref="B53:B57"/>
    <mergeCell ref="C53:T53"/>
    <mergeCell ref="U53:AL53"/>
    <mergeCell ref="C54:T57"/>
    <mergeCell ref="U54:AL57"/>
  </mergeCells>
  <phoneticPr fontId="3"/>
  <pageMargins left="0.39370078740157483" right="0" top="0.59055118110236227" bottom="0" header="0.51181102362204722" footer="0.51181102362204722"/>
  <pageSetup paperSize="9" scale="80" orientation="portrait" verticalDpi="300" r:id="rId1"/>
  <headerFooter alignWithMargins="0"/>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9</vt:i4>
      </vt:variant>
      <vt:variant>
        <vt:lpstr>名前付き一覧</vt:lpstr>
      </vt:variant>
      <vt:variant>
        <vt:i4>9</vt:i4>
      </vt:variant>
    </vt:vector>
  </HeadingPairs>
  <TitlesOfParts>
    <vt:vector size="18" baseType="lpstr">
      <vt:lpstr>★別紙1－3（定期巡回）</vt:lpstr>
      <vt:lpstr>★別紙1－3（地域密着型通所介護）</vt:lpstr>
      <vt:lpstr>★別紙1－3（認知症対応型通所）</vt:lpstr>
      <vt:lpstr>★別紙1－3（小規模多機能）</vt:lpstr>
      <vt:lpstr>★別紙1－3（認知症対応型ＧＨ）</vt:lpstr>
      <vt:lpstr>★別紙1－3（地域密着型特定施設）</vt:lpstr>
      <vt:lpstr>★別紙1－3（サテライト）</vt:lpstr>
      <vt:lpstr>備考（1－3）</vt:lpstr>
      <vt:lpstr>別紙●24</vt:lpstr>
      <vt:lpstr>'★別紙1－3（サテライト）'!Print_Area</vt:lpstr>
      <vt:lpstr>'★別紙1－3（小規模多機能）'!Print_Area</vt:lpstr>
      <vt:lpstr>'★別紙1－3（地域密着型通所介護）'!Print_Area</vt:lpstr>
      <vt:lpstr>'★別紙1－3（地域密着型特定施設）'!Print_Area</vt:lpstr>
      <vt:lpstr>'★別紙1－3（定期巡回）'!Print_Area</vt:lpstr>
      <vt:lpstr>'★別紙1－3（認知症対応型ＧＨ）'!Print_Area</vt:lpstr>
      <vt:lpstr>'★別紙1－3（認知症対応型通所）'!Print_Area</vt:lpstr>
      <vt:lpstr>'備考（1－3）'!Print_Area</vt:lpstr>
      <vt:lpstr>別紙●24!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福田 悠(fukuda-yuu.n55)</dc:creator>
  <cp:keywords/>
  <dc:description/>
  <cp:lastModifiedBy>岩間　弘</cp:lastModifiedBy>
  <cp:revision>1</cp:revision>
  <cp:lastPrinted>2022-07-27T10:06:28Z</cp:lastPrinted>
  <dcterms:created xsi:type="dcterms:W3CDTF">2021-03-17T07:18:01Z</dcterms:created>
  <dcterms:modified xsi:type="dcterms:W3CDTF">2022-12-02T05:41:42Z</dcterms:modified>
  <cp:category/>
</cp:coreProperties>
</file>